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Arquivos para publicação-2021\RREO 3º Bim 2021 PUBLICAÇÃO\"/>
    </mc:Choice>
  </mc:AlternateContent>
  <bookViews>
    <workbookView xWindow="0" yWindow="0" windowWidth="20490" windowHeight="7650" firstSheet="2" activeTab="3"/>
  </bookViews>
  <sheets>
    <sheet name="Anexo - 01 - Balanço Orçamentár" sheetId="1" r:id="rId1"/>
    <sheet name="Anexo - 02 - Despesas por Funçã" sheetId="2" r:id="rId2"/>
    <sheet name="Anexo - 03 - Receita Corrente L" sheetId="3" r:id="rId3"/>
    <sheet name="Anexo - 04 - Receitas e Despesa" sheetId="4" r:id="rId4"/>
    <sheet name="Anexo - 06 - Resultado Primário" sheetId="5" r:id="rId5"/>
    <sheet name="Anexo - 07 - Restos a Pagar por" sheetId="6" r:id="rId6"/>
    <sheet name="Anexo - 08 - Receitas e Despesa" sheetId="7" r:id="rId7"/>
    <sheet name="Anexo - 08.1 - Despesa MDE-Cons" sheetId="8" r:id="rId8"/>
    <sheet name="Anexo - 12 - Receitas e Despesa" sheetId="9" r:id="rId9"/>
    <sheet name="Anexo - 12.1 - Despesas Saúde -" sheetId="10" r:id="rId10"/>
    <sheet name="Anexo - 13 - Parcerias Público-" sheetId="11" r:id="rId11"/>
    <sheet name="Anexo - 14 - Resumo Execução Or" sheetId="12" r:id="rId12"/>
  </sheets>
  <calcPr calcId="0"/>
</workbook>
</file>

<file path=xl/sharedStrings.xml><?xml version="1.0" encoding="utf-8"?>
<sst xmlns="http://schemas.openxmlformats.org/spreadsheetml/2006/main" count="3056" uniqueCount="1254">
  <si>
    <t>ESTADO DE MATO GROSSO DO SUL</t>
  </si>
  <si>
    <t>Relatório Resumido de Execução Orçamentária</t>
  </si>
  <si>
    <t>BALANÇO ORÇAMENTÁRIO</t>
  </si>
  <si>
    <t>Orçamentos Fiscal e da Seguridade Social</t>
  </si>
  <si>
    <t>JANEIRO A JUNHO DE 2021 / BIMESTRE MAIO - JUNH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1 - Promoção da Produção Vegetal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00001</t>
  </si>
  <si>
    <t>Total</t>
  </si>
  <si>
    <t>DEMONSTRATIVO DA RECEITA CORRENTE LÍQUIDA</t>
  </si>
  <si>
    <t>RREO - Anexo 3 (LRF, art. 53, inciso I)</t>
  </si>
  <si>
    <t>ESPECIFICAÇÃO</t>
  </si>
  <si>
    <t>Evolução da Receita Realizada nos últimos 12 meses</t>
  </si>
  <si>
    <t>Jul/2020</t>
  </si>
  <si>
    <t>Ago/2020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Mai/2021</t>
  </si>
  <si>
    <t>Jun/2021</t>
  </si>
  <si>
    <t>Total (ùltimos 12 Meses)</t>
  </si>
  <si>
    <t>Previsão Atualizada 2021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2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 xml:space="preserve">   Compensação Previdenciária entre os regimes</t>
  </si>
  <si>
    <t>TOTAL DAS DESPESAS DO FUNDO EM REPARTIÇÃO (X)</t>
  </si>
  <si>
    <t>RESULTADO PREVIDENCIÁRIO - FUNDO EM REPARTIÇÃO (IX) = (VII - VIII)2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II) = (X – XI)2</t>
  </si>
  <si>
    <t>RESULTADO DA ADMINISTRAÇÃO RPPS (XVI) = (XII – XV)²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V) = (XIII - XIV)2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OS INATIVOS MILITARES (XVIII) = (XVI –XVII)2</t>
  </si>
  <si>
    <t>RESULTADO ASSOCIADO ÀS PENSÕES E 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1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0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1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20</t>
  </si>
  <si>
    <t>Até o Bimestre/  2021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0 (b)</t>
  </si>
  <si>
    <t>Cancelados (d)</t>
  </si>
  <si>
    <t>Saldo e=(a+b)-(c+d)</t>
  </si>
  <si>
    <t>Restos a Pagar Não Processados</t>
  </si>
  <si>
    <t>Inscritos em Exercícios Anteriores (f)</t>
  </si>
  <si>
    <t>Inscritos Em 31 de Dezembro de 2020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0 (q)</t>
  </si>
  <si>
    <t>Valor Não Aplicado No Exercício 2020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DESPESAS CUSTEADAS COM RECEITAS ADICIONAIS PARA FINANCIAMENTO DO ENSIN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0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1 (saldo final = XXd)</t>
  </si>
  <si>
    <t>Diferença de limite não cumprido em 2020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1 (regra nova)</t>
  </si>
  <si>
    <t>Empenhos de 2020 (regra nova)</t>
  </si>
  <si>
    <t>Empenhos de 2019 (regra nova)</t>
  </si>
  <si>
    <t>Empenhos de 2018</t>
  </si>
  <si>
    <t>Empenhos de 2017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1 a serem compensados (XXV) (saldo inicial = XXIV)</t>
  </si>
  <si>
    <t xml:space="preserve"> Restos a pagar cancelados ou prescritos em 2020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REGISTROS EFETUADOS EM 2021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Fundo em Repartição (PLANO FINANCEIRO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19.140625" bestFit="1" customWidth="1"/>
    <col min="8" max="8" width="19" bestFit="1" customWidth="1"/>
    <col min="9" max="9" width="19.140625" bestFit="1" customWidth="1"/>
    <col min="10" max="10" width="20.140625" bestFit="1" customWidth="1"/>
    <col min="11" max="11" width="19" bestFit="1" customWidth="1"/>
  </cols>
  <sheetData>
    <row r="3" spans="1:11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</row>
    <row r="4" spans="1:11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</row>
    <row r="5" spans="1:11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</row>
    <row r="6" spans="1:11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</row>
    <row r="7" spans="1:11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</row>
    <row r="9" spans="1:11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</row>
    <row r="10" spans="1:11" x14ac:dyDescent="0.25">
      <c r="A10" s="8" t="s">
        <v>6</v>
      </c>
      <c r="B10" s="8" t="s">
        <v>8</v>
      </c>
      <c r="C10" s="8" t="s">
        <v>9</v>
      </c>
      <c r="D10" s="8" t="s">
        <v>10</v>
      </c>
      <c r="E10" s="8" t="s">
        <v>11</v>
      </c>
      <c r="F10" s="8" t="s">
        <v>7</v>
      </c>
      <c r="G10" s="8" t="s">
        <v>7</v>
      </c>
      <c r="H10" s="8" t="s">
        <v>7</v>
      </c>
      <c r="I10" s="8" t="s">
        <v>16</v>
      </c>
    </row>
    <row r="11" spans="1:1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8" t="s">
        <v>7</v>
      </c>
    </row>
    <row r="12" spans="1:11" x14ac:dyDescent="0.25">
      <c r="A12" s="3" t="s">
        <v>17</v>
      </c>
      <c r="B12" s="5" t="s">
        <v>18</v>
      </c>
      <c r="C12" s="6">
        <v>15441546800</v>
      </c>
      <c r="D12" s="6">
        <v>15655916073</v>
      </c>
      <c r="E12" s="6">
        <v>2776779501.4899998</v>
      </c>
      <c r="F12" s="6">
        <v>17.739999999999998</v>
      </c>
      <c r="G12" s="6">
        <v>8169596139.6099997</v>
      </c>
      <c r="H12" s="6">
        <v>52.18</v>
      </c>
      <c r="I12" s="6">
        <v>7486319933.3900003</v>
      </c>
    </row>
    <row r="13" spans="1:11" x14ac:dyDescent="0.25">
      <c r="A13" s="3" t="s">
        <v>19</v>
      </c>
      <c r="B13" s="5" t="s">
        <v>20</v>
      </c>
      <c r="C13" s="6">
        <v>14142346300</v>
      </c>
      <c r="D13" s="6">
        <v>14256398800</v>
      </c>
      <c r="E13" s="6">
        <v>2736515173.9499998</v>
      </c>
      <c r="F13" s="6">
        <v>19.190000000000001</v>
      </c>
      <c r="G13" s="6">
        <v>8118689763.8900003</v>
      </c>
      <c r="H13" s="6">
        <v>56.95</v>
      </c>
      <c r="I13" s="6">
        <v>6137709036.1099997</v>
      </c>
    </row>
    <row r="14" spans="1:11" x14ac:dyDescent="0.25">
      <c r="A14" s="3" t="s">
        <v>21</v>
      </c>
      <c r="B14" s="5" t="s">
        <v>22</v>
      </c>
      <c r="C14" s="6">
        <v>7750745900</v>
      </c>
      <c r="D14" s="6">
        <v>7750745900</v>
      </c>
      <c r="E14" s="6">
        <v>1525089961.8800001</v>
      </c>
      <c r="F14" s="6">
        <v>19.68</v>
      </c>
      <c r="G14" s="6">
        <v>4625934150.4300003</v>
      </c>
      <c r="H14" s="6">
        <v>59.68</v>
      </c>
      <c r="I14" s="6">
        <v>3124811749.5700002</v>
      </c>
    </row>
    <row r="15" spans="1:11" x14ac:dyDescent="0.25">
      <c r="A15" s="2" t="s">
        <v>23</v>
      </c>
      <c r="B15" s="4" t="s">
        <v>24</v>
      </c>
      <c r="C15" s="7">
        <v>7480536900</v>
      </c>
      <c r="D15" s="7">
        <v>7480536900</v>
      </c>
      <c r="E15" s="7">
        <v>1470644247.01</v>
      </c>
      <c r="F15" s="7">
        <v>19.66</v>
      </c>
      <c r="G15" s="7">
        <v>4478430053.4499998</v>
      </c>
      <c r="H15" s="7">
        <v>59.87</v>
      </c>
      <c r="I15" s="7">
        <v>3002106846.5500002</v>
      </c>
    </row>
    <row r="16" spans="1:11" x14ac:dyDescent="0.25">
      <c r="A16" s="2" t="s">
        <v>25</v>
      </c>
      <c r="B16" s="4" t="s">
        <v>26</v>
      </c>
      <c r="C16" s="7">
        <v>270209000</v>
      </c>
      <c r="D16" s="7">
        <v>270209000</v>
      </c>
      <c r="E16" s="7">
        <v>54445714.869999997</v>
      </c>
      <c r="F16" s="7">
        <v>20.149999999999999</v>
      </c>
      <c r="G16" s="7">
        <v>147504096.97999999</v>
      </c>
      <c r="H16" s="7">
        <v>54.59</v>
      </c>
      <c r="I16" s="7">
        <v>122704903.02</v>
      </c>
    </row>
    <row r="17" spans="1:9" x14ac:dyDescent="0.25">
      <c r="A17" s="2" t="s">
        <v>27</v>
      </c>
      <c r="B17" s="4" t="s">
        <v>28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0</v>
      </c>
    </row>
    <row r="18" spans="1:9" x14ac:dyDescent="0.25">
      <c r="A18" s="3" t="s">
        <v>29</v>
      </c>
      <c r="B18" s="5" t="s">
        <v>30</v>
      </c>
      <c r="C18" s="6">
        <v>770355100</v>
      </c>
      <c r="D18" s="6">
        <v>870355100</v>
      </c>
      <c r="E18" s="6">
        <v>144602171.56999999</v>
      </c>
      <c r="F18" s="6">
        <v>16.61</v>
      </c>
      <c r="G18" s="6">
        <v>408876174.81999999</v>
      </c>
      <c r="H18" s="6">
        <v>46.98</v>
      </c>
      <c r="I18" s="6">
        <v>461478925.18000001</v>
      </c>
    </row>
    <row r="19" spans="1:9" x14ac:dyDescent="0.25">
      <c r="A19" s="2" t="s">
        <v>31</v>
      </c>
      <c r="B19" s="4" t="s">
        <v>32</v>
      </c>
      <c r="C19" s="7">
        <v>770355100</v>
      </c>
      <c r="D19" s="7">
        <v>870355100</v>
      </c>
      <c r="E19" s="7">
        <v>144602171.56999999</v>
      </c>
      <c r="F19" s="7">
        <v>16.61</v>
      </c>
      <c r="G19" s="7">
        <v>408876174.81999999</v>
      </c>
      <c r="H19" s="7">
        <v>46.98</v>
      </c>
      <c r="I19" s="7">
        <v>461478925.18000001</v>
      </c>
    </row>
    <row r="20" spans="1:9" x14ac:dyDescent="0.25">
      <c r="A20" s="2" t="s">
        <v>33</v>
      </c>
      <c r="B20" s="4" t="s">
        <v>34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</row>
    <row r="21" spans="1:9" x14ac:dyDescent="0.25">
      <c r="A21" s="2" t="s">
        <v>35</v>
      </c>
      <c r="B21" s="4" t="s">
        <v>36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</row>
    <row r="22" spans="1:9" x14ac:dyDescent="0.25">
      <c r="A22" s="2" t="s">
        <v>37</v>
      </c>
      <c r="B22" s="4" t="s">
        <v>38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</row>
    <row r="23" spans="1:9" x14ac:dyDescent="0.25">
      <c r="A23" s="3" t="s">
        <v>39</v>
      </c>
      <c r="B23" s="5" t="s">
        <v>40</v>
      </c>
      <c r="C23" s="6">
        <v>110812700</v>
      </c>
      <c r="D23" s="6">
        <v>110822700</v>
      </c>
      <c r="E23" s="6">
        <v>45858209.520000003</v>
      </c>
      <c r="F23" s="6">
        <v>41.38</v>
      </c>
      <c r="G23" s="6">
        <v>86207266.689999998</v>
      </c>
      <c r="H23" s="6">
        <v>77.790000000000006</v>
      </c>
      <c r="I23" s="6">
        <v>24615433.309999999</v>
      </c>
    </row>
    <row r="24" spans="1:9" x14ac:dyDescent="0.25">
      <c r="A24" s="2" t="s">
        <v>41</v>
      </c>
      <c r="B24" s="4" t="s">
        <v>42</v>
      </c>
      <c r="C24" s="7">
        <v>1676900</v>
      </c>
      <c r="D24" s="7">
        <v>1676900</v>
      </c>
      <c r="E24" s="7">
        <v>149967.29999999999</v>
      </c>
      <c r="F24" s="7">
        <v>8.94</v>
      </c>
      <c r="G24" s="7">
        <v>476476.78</v>
      </c>
      <c r="H24" s="7">
        <v>28.41</v>
      </c>
      <c r="I24" s="7">
        <v>1200423.22</v>
      </c>
    </row>
    <row r="25" spans="1:9" x14ac:dyDescent="0.25">
      <c r="A25" s="2" t="s">
        <v>43</v>
      </c>
      <c r="B25" s="4" t="s">
        <v>44</v>
      </c>
      <c r="C25" s="7">
        <v>71335900</v>
      </c>
      <c r="D25" s="7">
        <v>71345900</v>
      </c>
      <c r="E25" s="7">
        <v>20398827.010000002</v>
      </c>
      <c r="F25" s="7">
        <v>28.59</v>
      </c>
      <c r="G25" s="7">
        <v>37162774.32</v>
      </c>
      <c r="H25" s="7">
        <v>52.09</v>
      </c>
      <c r="I25" s="7">
        <v>34183125.68</v>
      </c>
    </row>
    <row r="26" spans="1:9" x14ac:dyDescent="0.25">
      <c r="A26" s="2" t="s">
        <v>45</v>
      </c>
      <c r="B26" s="4" t="s">
        <v>46</v>
      </c>
      <c r="C26" s="7">
        <v>2661000</v>
      </c>
      <c r="D26" s="7">
        <v>2661000</v>
      </c>
      <c r="E26" s="7">
        <v>560839.27</v>
      </c>
      <c r="F26" s="7">
        <v>21.08</v>
      </c>
      <c r="G26" s="7">
        <v>1619042.13</v>
      </c>
      <c r="H26" s="7">
        <v>60.84</v>
      </c>
      <c r="I26" s="7">
        <v>1041957.87</v>
      </c>
    </row>
    <row r="27" spans="1:9" x14ac:dyDescent="0.25">
      <c r="A27" s="2" t="s">
        <v>47</v>
      </c>
      <c r="B27" s="4" t="s">
        <v>48</v>
      </c>
      <c r="C27" s="7">
        <v>29138900</v>
      </c>
      <c r="D27" s="7">
        <v>29138900</v>
      </c>
      <c r="E27" s="7">
        <v>22916831.949999999</v>
      </c>
      <c r="F27" s="7">
        <v>78.650000000000006</v>
      </c>
      <c r="G27" s="7">
        <v>33416799.649999999</v>
      </c>
      <c r="H27" s="7">
        <v>114.68</v>
      </c>
      <c r="I27" s="7">
        <v>-4277899.6500000004</v>
      </c>
    </row>
    <row r="28" spans="1:9" x14ac:dyDescent="0.25">
      <c r="A28" s="2" t="s">
        <v>49</v>
      </c>
      <c r="B28" s="4" t="s">
        <v>50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</row>
    <row r="29" spans="1:9" x14ac:dyDescent="0.25">
      <c r="A29" s="2" t="s">
        <v>51</v>
      </c>
      <c r="B29" s="4" t="s">
        <v>52</v>
      </c>
      <c r="C29" s="7">
        <v>6000000</v>
      </c>
      <c r="D29" s="7">
        <v>6000000</v>
      </c>
      <c r="E29" s="7">
        <v>1831743.99</v>
      </c>
      <c r="F29" s="7">
        <v>30.53</v>
      </c>
      <c r="G29" s="7">
        <v>13532173.810000001</v>
      </c>
      <c r="H29" s="7">
        <v>225.54</v>
      </c>
      <c r="I29" s="7">
        <v>-7532173.8099999996</v>
      </c>
    </row>
    <row r="30" spans="1:9" x14ac:dyDescent="0.25">
      <c r="A30" s="2" t="s">
        <v>53</v>
      </c>
      <c r="B30" s="4" t="s">
        <v>54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</row>
    <row r="31" spans="1:9" x14ac:dyDescent="0.25">
      <c r="A31" s="2" t="s">
        <v>55</v>
      </c>
      <c r="B31" s="4" t="s">
        <v>56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</row>
    <row r="32" spans="1:9" x14ac:dyDescent="0.25">
      <c r="A32" s="2" t="s">
        <v>57</v>
      </c>
      <c r="B32" s="4" t="s">
        <v>58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</row>
    <row r="33" spans="1:9" x14ac:dyDescent="0.25">
      <c r="A33" s="3" t="s">
        <v>59</v>
      </c>
      <c r="B33" s="5" t="s">
        <v>60</v>
      </c>
      <c r="C33" s="6">
        <v>876522000</v>
      </c>
      <c r="D33" s="6">
        <v>877222000</v>
      </c>
      <c r="E33" s="6">
        <v>127256371.94</v>
      </c>
      <c r="F33" s="6">
        <v>14.51</v>
      </c>
      <c r="G33" s="6">
        <v>359299841.58999997</v>
      </c>
      <c r="H33" s="6">
        <v>40.96</v>
      </c>
      <c r="I33" s="6">
        <v>517922158.41000003</v>
      </c>
    </row>
    <row r="34" spans="1:9" x14ac:dyDescent="0.25">
      <c r="A34" s="2" t="s">
        <v>61</v>
      </c>
      <c r="B34" s="4" t="s">
        <v>62</v>
      </c>
      <c r="C34" s="7">
        <v>798357400</v>
      </c>
      <c r="D34" s="7">
        <v>799057400</v>
      </c>
      <c r="E34" s="7">
        <v>115507977.90000001</v>
      </c>
      <c r="F34" s="7">
        <v>14.46</v>
      </c>
      <c r="G34" s="7">
        <v>315669330.89999998</v>
      </c>
      <c r="H34" s="7">
        <v>39.51</v>
      </c>
      <c r="I34" s="7">
        <v>483388069.10000002</v>
      </c>
    </row>
    <row r="35" spans="1:9" x14ac:dyDescent="0.25">
      <c r="A35" s="2" t="s">
        <v>63</v>
      </c>
      <c r="B35" s="4" t="s">
        <v>64</v>
      </c>
      <c r="C35" s="7">
        <v>0</v>
      </c>
      <c r="D35" s="7">
        <v>0</v>
      </c>
      <c r="E35" s="7">
        <v>0</v>
      </c>
      <c r="F35" s="7">
        <v>0</v>
      </c>
      <c r="G35" s="7">
        <v>0</v>
      </c>
      <c r="H35" s="7">
        <v>0</v>
      </c>
      <c r="I35" s="7">
        <v>0</v>
      </c>
    </row>
    <row r="36" spans="1:9" x14ac:dyDescent="0.25">
      <c r="A36" s="2" t="s">
        <v>65</v>
      </c>
      <c r="B36" s="4" t="s">
        <v>66</v>
      </c>
      <c r="C36" s="7">
        <v>68845800</v>
      </c>
      <c r="D36" s="7">
        <v>68845800</v>
      </c>
      <c r="E36" s="7">
        <v>9649637.6999999993</v>
      </c>
      <c r="F36" s="7">
        <v>14.02</v>
      </c>
      <c r="G36" s="7">
        <v>37964430.140000001</v>
      </c>
      <c r="H36" s="7">
        <v>55.14</v>
      </c>
      <c r="I36" s="7">
        <v>30881369.859999999</v>
      </c>
    </row>
    <row r="37" spans="1:9" x14ac:dyDescent="0.25">
      <c r="A37" s="2" t="s">
        <v>67</v>
      </c>
      <c r="B37" s="4" t="s">
        <v>68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</row>
    <row r="38" spans="1:9" x14ac:dyDescent="0.25">
      <c r="A38" s="2" t="s">
        <v>69</v>
      </c>
      <c r="B38" s="4" t="s">
        <v>70</v>
      </c>
      <c r="C38" s="7">
        <v>9318800</v>
      </c>
      <c r="D38" s="7">
        <v>9318800</v>
      </c>
      <c r="E38" s="7">
        <v>2098756.34</v>
      </c>
      <c r="F38" s="7">
        <v>22.52</v>
      </c>
      <c r="G38" s="7">
        <v>5666080.5499999998</v>
      </c>
      <c r="H38" s="7">
        <v>60.8</v>
      </c>
      <c r="I38" s="7">
        <v>3652719.45</v>
      </c>
    </row>
    <row r="39" spans="1:9" x14ac:dyDescent="0.25">
      <c r="A39" s="3" t="s">
        <v>71</v>
      </c>
      <c r="B39" s="5" t="s">
        <v>72</v>
      </c>
      <c r="C39" s="6">
        <v>4554115700</v>
      </c>
      <c r="D39" s="6">
        <v>4566968200</v>
      </c>
      <c r="E39" s="6">
        <v>862006051.05999994</v>
      </c>
      <c r="F39" s="6">
        <v>18.87</v>
      </c>
      <c r="G39" s="6">
        <v>2578879196.79</v>
      </c>
      <c r="H39" s="6">
        <v>56.47</v>
      </c>
      <c r="I39" s="6">
        <v>1988089003.21</v>
      </c>
    </row>
    <row r="40" spans="1:9" x14ac:dyDescent="0.25">
      <c r="A40" s="2" t="s">
        <v>73</v>
      </c>
      <c r="B40" s="4" t="s">
        <v>74</v>
      </c>
      <c r="C40" s="7">
        <v>1710671000</v>
      </c>
      <c r="D40" s="7">
        <v>1712421000</v>
      </c>
      <c r="E40" s="7">
        <v>312867017.70999998</v>
      </c>
      <c r="F40" s="7">
        <v>18.27</v>
      </c>
      <c r="G40" s="7">
        <v>931115475.00999999</v>
      </c>
      <c r="H40" s="7">
        <v>54.37</v>
      </c>
      <c r="I40" s="7">
        <v>781305524.99000001</v>
      </c>
    </row>
    <row r="41" spans="1:9" x14ac:dyDescent="0.25">
      <c r="A41" s="2" t="s">
        <v>75</v>
      </c>
      <c r="B41" s="4" t="s">
        <v>76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</row>
    <row r="42" spans="1:9" x14ac:dyDescent="0.25">
      <c r="A42" s="2" t="s">
        <v>77</v>
      </c>
      <c r="B42" s="4" t="s">
        <v>78</v>
      </c>
      <c r="C42" s="7">
        <v>221400</v>
      </c>
      <c r="D42" s="7">
        <v>221400</v>
      </c>
      <c r="E42" s="7">
        <v>339926.85</v>
      </c>
      <c r="F42" s="7">
        <v>153.54</v>
      </c>
      <c r="G42" s="7">
        <v>1052900.23</v>
      </c>
      <c r="H42" s="7">
        <v>475.56</v>
      </c>
      <c r="I42" s="7">
        <v>-831500.23</v>
      </c>
    </row>
    <row r="43" spans="1:9" x14ac:dyDescent="0.25">
      <c r="A43" s="2" t="s">
        <v>79</v>
      </c>
      <c r="B43" s="4" t="s">
        <v>80</v>
      </c>
      <c r="C43" s="7">
        <v>1633598900</v>
      </c>
      <c r="D43" s="7">
        <v>1644701400</v>
      </c>
      <c r="E43" s="7">
        <v>341969451.69</v>
      </c>
      <c r="F43" s="7">
        <v>20.79</v>
      </c>
      <c r="G43" s="7">
        <v>976402031.53999996</v>
      </c>
      <c r="H43" s="7">
        <v>59.37</v>
      </c>
      <c r="I43" s="7">
        <v>668299368.46000004</v>
      </c>
    </row>
    <row r="44" spans="1:9" x14ac:dyDescent="0.25">
      <c r="A44" s="2" t="s">
        <v>81</v>
      </c>
      <c r="B44" s="4" t="s">
        <v>82</v>
      </c>
      <c r="C44" s="7">
        <v>1205818000</v>
      </c>
      <c r="D44" s="7">
        <v>1205818000</v>
      </c>
      <c r="E44" s="7">
        <v>206821741.31</v>
      </c>
      <c r="F44" s="7">
        <v>17.149999999999999</v>
      </c>
      <c r="G44" s="7">
        <v>670292763.00999999</v>
      </c>
      <c r="H44" s="7">
        <v>55.59</v>
      </c>
      <c r="I44" s="7">
        <v>535525236.99000001</v>
      </c>
    </row>
    <row r="45" spans="1:9" x14ac:dyDescent="0.25">
      <c r="A45" s="2" t="s">
        <v>83</v>
      </c>
      <c r="B45" s="4" t="s">
        <v>84</v>
      </c>
      <c r="C45" s="7">
        <v>1331000</v>
      </c>
      <c r="D45" s="7">
        <v>1331000</v>
      </c>
      <c r="E45" s="7">
        <v>0</v>
      </c>
      <c r="F45" s="7">
        <v>0</v>
      </c>
      <c r="G45" s="7">
        <v>0</v>
      </c>
      <c r="H45" s="7">
        <v>0</v>
      </c>
      <c r="I45" s="7">
        <v>1331000</v>
      </c>
    </row>
    <row r="46" spans="1:9" x14ac:dyDescent="0.25">
      <c r="A46" s="2" t="s">
        <v>85</v>
      </c>
      <c r="B46" s="4" t="s">
        <v>86</v>
      </c>
      <c r="C46" s="7">
        <v>2475400</v>
      </c>
      <c r="D46" s="7">
        <v>2475400</v>
      </c>
      <c r="E46" s="7">
        <v>7913.5</v>
      </c>
      <c r="F46" s="7">
        <v>0.32</v>
      </c>
      <c r="G46" s="7">
        <v>16027</v>
      </c>
      <c r="H46" s="7">
        <v>0.65</v>
      </c>
      <c r="I46" s="7">
        <v>2459373</v>
      </c>
    </row>
    <row r="47" spans="1:9" x14ac:dyDescent="0.25">
      <c r="A47" s="2" t="s">
        <v>87</v>
      </c>
      <c r="B47" s="4" t="s">
        <v>88</v>
      </c>
      <c r="C47" s="7">
        <v>0</v>
      </c>
      <c r="D47" s="7">
        <v>0</v>
      </c>
      <c r="E47" s="7">
        <v>0</v>
      </c>
      <c r="F47" s="7">
        <v>0</v>
      </c>
      <c r="G47" s="7">
        <v>0</v>
      </c>
      <c r="H47" s="7">
        <v>0</v>
      </c>
      <c r="I47" s="7">
        <v>0</v>
      </c>
    </row>
    <row r="48" spans="1:9" x14ac:dyDescent="0.25">
      <c r="A48" s="3" t="s">
        <v>89</v>
      </c>
      <c r="B48" s="5" t="s">
        <v>90</v>
      </c>
      <c r="C48" s="6">
        <v>79794900</v>
      </c>
      <c r="D48" s="6">
        <v>80284900</v>
      </c>
      <c r="E48" s="6">
        <v>31702407.98</v>
      </c>
      <c r="F48" s="6">
        <v>39.49</v>
      </c>
      <c r="G48" s="6">
        <v>59493133.57</v>
      </c>
      <c r="H48" s="6">
        <v>74.099999999999994</v>
      </c>
      <c r="I48" s="6">
        <v>20791766.43</v>
      </c>
    </row>
    <row r="49" spans="1:9" x14ac:dyDescent="0.25">
      <c r="A49" s="2" t="s">
        <v>91</v>
      </c>
      <c r="B49" s="4" t="s">
        <v>92</v>
      </c>
      <c r="C49" s="7">
        <v>49919500</v>
      </c>
      <c r="D49" s="7">
        <v>49919500</v>
      </c>
      <c r="E49" s="7">
        <v>7119416.8499999996</v>
      </c>
      <c r="F49" s="7">
        <v>14.26</v>
      </c>
      <c r="G49" s="7">
        <v>15242821.67</v>
      </c>
      <c r="H49" s="7">
        <v>30.53</v>
      </c>
      <c r="I49" s="7">
        <v>34676678.329999998</v>
      </c>
    </row>
    <row r="50" spans="1:9" x14ac:dyDescent="0.25">
      <c r="A50" s="2" t="s">
        <v>93</v>
      </c>
      <c r="B50" s="4" t="s">
        <v>94</v>
      </c>
      <c r="C50" s="7">
        <v>17034300</v>
      </c>
      <c r="D50" s="7">
        <v>17034300</v>
      </c>
      <c r="E50" s="7">
        <v>21897510.010000002</v>
      </c>
      <c r="F50" s="7">
        <v>128.55000000000001</v>
      </c>
      <c r="G50" s="7">
        <v>33904636.460000001</v>
      </c>
      <c r="H50" s="7">
        <v>199.04</v>
      </c>
      <c r="I50" s="7">
        <v>-16870336.460000001</v>
      </c>
    </row>
    <row r="51" spans="1:9" x14ac:dyDescent="0.25">
      <c r="A51" s="2" t="s">
        <v>95</v>
      </c>
      <c r="B51" s="4" t="s">
        <v>96</v>
      </c>
      <c r="C51" s="7">
        <v>0</v>
      </c>
      <c r="D51" s="7">
        <v>0</v>
      </c>
      <c r="E51" s="7">
        <v>0</v>
      </c>
      <c r="F51" s="7">
        <v>0</v>
      </c>
      <c r="G51" s="7">
        <v>0</v>
      </c>
      <c r="H51" s="7">
        <v>0</v>
      </c>
      <c r="I51" s="7">
        <v>0</v>
      </c>
    </row>
    <row r="52" spans="1:9" x14ac:dyDescent="0.25">
      <c r="A52" s="2" t="s">
        <v>97</v>
      </c>
      <c r="B52" s="4" t="s">
        <v>98</v>
      </c>
      <c r="C52" s="7">
        <v>12841100</v>
      </c>
      <c r="D52" s="7">
        <v>13331100</v>
      </c>
      <c r="E52" s="7">
        <v>2685481.12</v>
      </c>
      <c r="F52" s="7">
        <v>20.14</v>
      </c>
      <c r="G52" s="7">
        <v>10345675.439999999</v>
      </c>
      <c r="H52" s="7">
        <v>77.61</v>
      </c>
      <c r="I52" s="7">
        <v>2985424.56</v>
      </c>
    </row>
    <row r="53" spans="1:9" x14ac:dyDescent="0.25">
      <c r="A53" s="3" t="s">
        <v>99</v>
      </c>
      <c r="B53" s="5" t="s">
        <v>100</v>
      </c>
      <c r="C53" s="6">
        <v>1299200500</v>
      </c>
      <c r="D53" s="6">
        <v>1399517273</v>
      </c>
      <c r="E53" s="6">
        <v>40264327.539999999</v>
      </c>
      <c r="F53" s="6">
        <v>2.88</v>
      </c>
      <c r="G53" s="6">
        <v>50906375.719999999</v>
      </c>
      <c r="H53" s="6">
        <v>3.64</v>
      </c>
      <c r="I53" s="6">
        <v>1348610897.28</v>
      </c>
    </row>
    <row r="54" spans="1:9" x14ac:dyDescent="0.25">
      <c r="A54" s="3" t="s">
        <v>101</v>
      </c>
      <c r="B54" s="5" t="s">
        <v>102</v>
      </c>
      <c r="C54" s="6">
        <v>24511000</v>
      </c>
      <c r="D54" s="6">
        <v>124511000</v>
      </c>
      <c r="E54" s="6">
        <v>0</v>
      </c>
      <c r="F54" s="6">
        <v>0</v>
      </c>
      <c r="G54" s="6">
        <v>0</v>
      </c>
      <c r="H54" s="6">
        <v>0</v>
      </c>
      <c r="I54" s="6">
        <v>124511000</v>
      </c>
    </row>
    <row r="55" spans="1:9" x14ac:dyDescent="0.25">
      <c r="A55" s="2" t="s">
        <v>103</v>
      </c>
      <c r="B55" s="4" t="s">
        <v>104</v>
      </c>
      <c r="C55" s="7">
        <v>0</v>
      </c>
      <c r="D55" s="7">
        <v>100000000</v>
      </c>
      <c r="E55" s="7">
        <v>0</v>
      </c>
      <c r="F55" s="7">
        <v>0</v>
      </c>
      <c r="G55" s="7">
        <v>0</v>
      </c>
      <c r="H55" s="7">
        <v>0</v>
      </c>
      <c r="I55" s="7">
        <v>100000000</v>
      </c>
    </row>
    <row r="56" spans="1:9" x14ac:dyDescent="0.25">
      <c r="A56" s="2" t="s">
        <v>105</v>
      </c>
      <c r="B56" s="4" t="s">
        <v>106</v>
      </c>
      <c r="C56" s="7">
        <v>24511000</v>
      </c>
      <c r="D56" s="7">
        <v>24511000</v>
      </c>
      <c r="E56" s="7">
        <v>0</v>
      </c>
      <c r="F56" s="7">
        <v>0</v>
      </c>
      <c r="G56" s="7">
        <v>0</v>
      </c>
      <c r="H56" s="7">
        <v>0</v>
      </c>
      <c r="I56" s="7">
        <v>24511000</v>
      </c>
    </row>
    <row r="57" spans="1:9" x14ac:dyDescent="0.25">
      <c r="A57" s="3" t="s">
        <v>107</v>
      </c>
      <c r="B57" s="5" t="s">
        <v>108</v>
      </c>
      <c r="C57" s="6">
        <v>5395200</v>
      </c>
      <c r="D57" s="6">
        <v>5395200</v>
      </c>
      <c r="E57" s="6">
        <v>582252.74</v>
      </c>
      <c r="F57" s="6">
        <v>10.79</v>
      </c>
      <c r="G57" s="6">
        <v>2471305.36</v>
      </c>
      <c r="H57" s="6">
        <v>45.81</v>
      </c>
      <c r="I57" s="6">
        <v>2923894.64</v>
      </c>
    </row>
    <row r="58" spans="1:9" x14ac:dyDescent="0.25">
      <c r="A58" s="2" t="s">
        <v>109</v>
      </c>
      <c r="B58" s="4" t="s">
        <v>110</v>
      </c>
      <c r="C58" s="7">
        <v>1266200</v>
      </c>
      <c r="D58" s="7">
        <v>1266200</v>
      </c>
      <c r="E58" s="7">
        <v>-12000</v>
      </c>
      <c r="F58" s="7">
        <v>-0.95</v>
      </c>
      <c r="G58" s="7">
        <v>1658290</v>
      </c>
      <c r="H58" s="7">
        <v>130.97</v>
      </c>
      <c r="I58" s="7">
        <v>-392090</v>
      </c>
    </row>
    <row r="59" spans="1:9" x14ac:dyDescent="0.25">
      <c r="A59" s="2" t="s">
        <v>111</v>
      </c>
      <c r="B59" s="4" t="s">
        <v>112</v>
      </c>
      <c r="C59" s="7">
        <v>4129000</v>
      </c>
      <c r="D59" s="7">
        <v>4129000</v>
      </c>
      <c r="E59" s="7">
        <v>594252.74</v>
      </c>
      <c r="F59" s="7">
        <v>14.39</v>
      </c>
      <c r="G59" s="7">
        <v>813015.36</v>
      </c>
      <c r="H59" s="7">
        <v>19.690000000000001</v>
      </c>
      <c r="I59" s="7">
        <v>3315984.64</v>
      </c>
    </row>
    <row r="60" spans="1:9" x14ac:dyDescent="0.25">
      <c r="A60" s="2" t="s">
        <v>113</v>
      </c>
      <c r="B60" s="4" t="s">
        <v>114</v>
      </c>
      <c r="C60" s="7">
        <v>0</v>
      </c>
      <c r="D60" s="7">
        <v>0</v>
      </c>
      <c r="E60" s="7">
        <v>0</v>
      </c>
      <c r="F60" s="7">
        <v>0</v>
      </c>
      <c r="G60" s="7">
        <v>0</v>
      </c>
      <c r="H60" s="7">
        <v>0</v>
      </c>
      <c r="I60" s="7">
        <v>0</v>
      </c>
    </row>
    <row r="61" spans="1:9" x14ac:dyDescent="0.25">
      <c r="A61" s="2" t="s">
        <v>115</v>
      </c>
      <c r="B61" s="4" t="s">
        <v>116</v>
      </c>
      <c r="C61" s="7">
        <v>8150600</v>
      </c>
      <c r="D61" s="7">
        <v>8150600</v>
      </c>
      <c r="E61" s="7">
        <v>1835638.32</v>
      </c>
      <c r="F61" s="7">
        <v>22.52</v>
      </c>
      <c r="G61" s="7">
        <v>4738691.8</v>
      </c>
      <c r="H61" s="7">
        <v>58.14</v>
      </c>
      <c r="I61" s="7">
        <v>3411908.2</v>
      </c>
    </row>
    <row r="62" spans="1:9" x14ac:dyDescent="0.25">
      <c r="A62" s="3" t="s">
        <v>117</v>
      </c>
      <c r="B62" s="5" t="s">
        <v>118</v>
      </c>
      <c r="C62" s="6">
        <v>613073700</v>
      </c>
      <c r="D62" s="6">
        <v>613390473</v>
      </c>
      <c r="E62" s="6">
        <v>37846436.479999997</v>
      </c>
      <c r="F62" s="6">
        <v>6.17</v>
      </c>
      <c r="G62" s="6">
        <v>43696378.560000002</v>
      </c>
      <c r="H62" s="6">
        <v>7.12</v>
      </c>
      <c r="I62" s="6">
        <v>569694094.44000006</v>
      </c>
    </row>
    <row r="63" spans="1:9" x14ac:dyDescent="0.25">
      <c r="A63" s="2" t="s">
        <v>119</v>
      </c>
      <c r="B63" s="4" t="s">
        <v>74</v>
      </c>
      <c r="C63" s="7">
        <v>611354000</v>
      </c>
      <c r="D63" s="7">
        <v>611670773</v>
      </c>
      <c r="E63" s="7">
        <v>36979113.649999999</v>
      </c>
      <c r="F63" s="7">
        <v>6.05</v>
      </c>
      <c r="G63" s="7">
        <v>42728698.979999997</v>
      </c>
      <c r="H63" s="7">
        <v>6.99</v>
      </c>
      <c r="I63" s="7">
        <v>568942074.01999998</v>
      </c>
    </row>
    <row r="64" spans="1:9" x14ac:dyDescent="0.25">
      <c r="A64" s="2" t="s">
        <v>120</v>
      </c>
      <c r="B64" s="4" t="s">
        <v>76</v>
      </c>
      <c r="C64" s="7">
        <v>638000</v>
      </c>
      <c r="D64" s="7">
        <v>638000</v>
      </c>
      <c r="E64" s="7">
        <v>867322.83</v>
      </c>
      <c r="F64" s="7">
        <v>135.94</v>
      </c>
      <c r="G64" s="7">
        <v>967679.58</v>
      </c>
      <c r="H64" s="7">
        <v>151.66999999999999</v>
      </c>
      <c r="I64" s="7">
        <v>-329679.58</v>
      </c>
    </row>
    <row r="65" spans="1:9" x14ac:dyDescent="0.25">
      <c r="A65" s="2" t="s">
        <v>121</v>
      </c>
      <c r="B65" s="4" t="s">
        <v>78</v>
      </c>
      <c r="C65" s="7">
        <v>0</v>
      </c>
      <c r="D65" s="7">
        <v>0</v>
      </c>
      <c r="E65" s="7">
        <v>0</v>
      </c>
      <c r="F65" s="7">
        <v>0</v>
      </c>
      <c r="G65" s="7">
        <v>0</v>
      </c>
      <c r="H65" s="7">
        <v>0</v>
      </c>
      <c r="I65" s="7">
        <v>0</v>
      </c>
    </row>
    <row r="66" spans="1:9" x14ac:dyDescent="0.25">
      <c r="A66" s="2" t="s">
        <v>122</v>
      </c>
      <c r="B66" s="4" t="s">
        <v>80</v>
      </c>
      <c r="C66" s="7">
        <v>0</v>
      </c>
      <c r="D66" s="7">
        <v>0</v>
      </c>
      <c r="E66" s="7">
        <v>0</v>
      </c>
      <c r="F66" s="7">
        <v>0</v>
      </c>
      <c r="G66" s="7">
        <v>0</v>
      </c>
      <c r="H66" s="7">
        <v>0</v>
      </c>
      <c r="I66" s="7">
        <v>0</v>
      </c>
    </row>
    <row r="67" spans="1:9" x14ac:dyDescent="0.25">
      <c r="A67" s="2" t="s">
        <v>123</v>
      </c>
      <c r="B67" s="4" t="s">
        <v>82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2" t="s">
        <v>124</v>
      </c>
      <c r="B68" s="4" t="s">
        <v>84</v>
      </c>
      <c r="C68" s="7">
        <v>257000</v>
      </c>
      <c r="D68" s="7">
        <v>257000</v>
      </c>
      <c r="E68" s="7">
        <v>0</v>
      </c>
      <c r="F68" s="7">
        <v>0</v>
      </c>
      <c r="G68" s="7">
        <v>0</v>
      </c>
      <c r="H68" s="7">
        <v>0</v>
      </c>
      <c r="I68" s="7">
        <v>257000</v>
      </c>
    </row>
    <row r="69" spans="1:9" x14ac:dyDescent="0.25">
      <c r="A69" s="2" t="s">
        <v>125</v>
      </c>
      <c r="B69" s="4" t="s">
        <v>86</v>
      </c>
      <c r="C69" s="7">
        <v>824700</v>
      </c>
      <c r="D69" s="7">
        <v>824700</v>
      </c>
      <c r="E69" s="7">
        <v>0</v>
      </c>
      <c r="F69" s="7">
        <v>0</v>
      </c>
      <c r="G69" s="7">
        <v>0</v>
      </c>
      <c r="H69" s="7">
        <v>0</v>
      </c>
      <c r="I69" s="7">
        <v>824700</v>
      </c>
    </row>
    <row r="70" spans="1:9" x14ac:dyDescent="0.25">
      <c r="A70" s="2" t="s">
        <v>126</v>
      </c>
      <c r="B70" s="4" t="s">
        <v>88</v>
      </c>
      <c r="C70" s="7">
        <v>0</v>
      </c>
      <c r="D70" s="7">
        <v>0</v>
      </c>
      <c r="E70" s="7">
        <v>0</v>
      </c>
      <c r="F70" s="7">
        <v>0</v>
      </c>
      <c r="G70" s="7">
        <v>0</v>
      </c>
      <c r="H70" s="7">
        <v>0</v>
      </c>
      <c r="I70" s="7">
        <v>0</v>
      </c>
    </row>
    <row r="71" spans="1:9" x14ac:dyDescent="0.25">
      <c r="A71" s="3" t="s">
        <v>127</v>
      </c>
      <c r="B71" s="5" t="s">
        <v>128</v>
      </c>
      <c r="C71" s="6">
        <v>648070000</v>
      </c>
      <c r="D71" s="6">
        <v>648070000</v>
      </c>
      <c r="E71" s="6">
        <v>0</v>
      </c>
      <c r="F71" s="6">
        <v>0</v>
      </c>
      <c r="G71" s="6">
        <v>0</v>
      </c>
      <c r="H71" s="6">
        <v>0</v>
      </c>
      <c r="I71" s="6">
        <v>648070000</v>
      </c>
    </row>
    <row r="72" spans="1:9" x14ac:dyDescent="0.25">
      <c r="A72" s="2" t="s">
        <v>129</v>
      </c>
      <c r="B72" s="4" t="s">
        <v>130</v>
      </c>
      <c r="C72" s="7">
        <v>0</v>
      </c>
      <c r="D72" s="7">
        <v>0</v>
      </c>
      <c r="E72" s="7">
        <v>0</v>
      </c>
      <c r="F72" s="7">
        <v>0</v>
      </c>
      <c r="G72" s="7">
        <v>0</v>
      </c>
      <c r="H72" s="7">
        <v>0</v>
      </c>
      <c r="I72" s="7">
        <v>0</v>
      </c>
    </row>
    <row r="73" spans="1:9" x14ac:dyDescent="0.25">
      <c r="A73" s="2" t="s">
        <v>131</v>
      </c>
      <c r="B73" s="4" t="s">
        <v>132</v>
      </c>
      <c r="C73" s="7">
        <v>0</v>
      </c>
      <c r="D73" s="7">
        <v>0</v>
      </c>
      <c r="E73" s="7">
        <v>0</v>
      </c>
      <c r="F73" s="7">
        <v>0</v>
      </c>
      <c r="G73" s="7">
        <v>0</v>
      </c>
      <c r="H73" s="7">
        <v>0</v>
      </c>
      <c r="I73" s="7">
        <v>0</v>
      </c>
    </row>
    <row r="74" spans="1:9" x14ac:dyDescent="0.25">
      <c r="A74" s="2" t="s">
        <v>133</v>
      </c>
      <c r="B74" s="4" t="s">
        <v>134</v>
      </c>
      <c r="C74" s="7">
        <v>0</v>
      </c>
      <c r="D74" s="7">
        <v>0</v>
      </c>
      <c r="E74" s="7">
        <v>0</v>
      </c>
      <c r="F74" s="7">
        <v>0</v>
      </c>
      <c r="G74" s="7">
        <v>0</v>
      </c>
      <c r="H74" s="7">
        <v>0</v>
      </c>
      <c r="I74" s="7">
        <v>0</v>
      </c>
    </row>
    <row r="75" spans="1:9" x14ac:dyDescent="0.25">
      <c r="A75" s="2" t="s">
        <v>135</v>
      </c>
      <c r="B75" s="4" t="s">
        <v>136</v>
      </c>
      <c r="C75" s="7">
        <v>648070000</v>
      </c>
      <c r="D75" s="7">
        <v>648070000</v>
      </c>
      <c r="E75" s="7">
        <v>0</v>
      </c>
      <c r="F75" s="7">
        <v>0</v>
      </c>
      <c r="G75" s="7">
        <v>0</v>
      </c>
      <c r="H75" s="7">
        <v>0</v>
      </c>
      <c r="I75" s="7">
        <v>648070000</v>
      </c>
    </row>
    <row r="76" spans="1:9" x14ac:dyDescent="0.25">
      <c r="A76" s="2" t="s">
        <v>137</v>
      </c>
      <c r="B76" s="4" t="s">
        <v>138</v>
      </c>
      <c r="C76" s="7">
        <v>1382157700</v>
      </c>
      <c r="D76" s="7">
        <v>1390157700</v>
      </c>
      <c r="E76" s="7">
        <v>332524588.75</v>
      </c>
      <c r="F76" s="7">
        <v>23.92</v>
      </c>
      <c r="G76" s="7">
        <v>941739954.58000004</v>
      </c>
      <c r="H76" s="7">
        <v>67.739999999999995</v>
      </c>
      <c r="I76" s="7">
        <v>448417745.42000002</v>
      </c>
    </row>
    <row r="77" spans="1:9" x14ac:dyDescent="0.25">
      <c r="A77" s="3" t="s">
        <v>139</v>
      </c>
      <c r="B77" s="5" t="s">
        <v>140</v>
      </c>
      <c r="C77" s="6">
        <v>16823704500</v>
      </c>
      <c r="D77" s="6">
        <v>17046073773</v>
      </c>
      <c r="E77" s="6">
        <v>3109304090.2399998</v>
      </c>
      <c r="F77" s="6">
        <v>18.239999999999998</v>
      </c>
      <c r="G77" s="6">
        <v>9111336094.1900005</v>
      </c>
      <c r="H77" s="6">
        <v>53.45</v>
      </c>
      <c r="I77" s="6">
        <v>7934737678.8100004</v>
      </c>
    </row>
    <row r="78" spans="1:9" x14ac:dyDescent="0.25">
      <c r="A78" s="3" t="s">
        <v>141</v>
      </c>
      <c r="B78" s="5" t="s">
        <v>142</v>
      </c>
      <c r="C78" s="6">
        <v>0</v>
      </c>
      <c r="D78" s="6">
        <v>0</v>
      </c>
      <c r="E78" s="6">
        <v>0</v>
      </c>
      <c r="F78" s="6">
        <v>0</v>
      </c>
      <c r="G78" s="6">
        <v>0</v>
      </c>
      <c r="H78" s="6">
        <v>0</v>
      </c>
      <c r="I78" s="6">
        <v>0</v>
      </c>
    </row>
    <row r="79" spans="1:9" x14ac:dyDescent="0.25">
      <c r="A79" s="3" t="s">
        <v>143</v>
      </c>
      <c r="B79" s="5" t="s">
        <v>144</v>
      </c>
      <c r="C79" s="6">
        <v>0</v>
      </c>
      <c r="D79" s="6">
        <v>0</v>
      </c>
      <c r="E79" s="6">
        <v>0</v>
      </c>
      <c r="F79" s="6">
        <v>0</v>
      </c>
      <c r="G79" s="6">
        <v>0</v>
      </c>
      <c r="H79" s="6">
        <v>0</v>
      </c>
      <c r="I79" s="6">
        <v>0</v>
      </c>
    </row>
    <row r="80" spans="1:9" x14ac:dyDescent="0.25">
      <c r="A80" s="2" t="s">
        <v>145</v>
      </c>
      <c r="B80" s="4" t="s">
        <v>146</v>
      </c>
      <c r="C80" s="7">
        <v>0</v>
      </c>
      <c r="D80" s="7">
        <v>0</v>
      </c>
      <c r="E80" s="7">
        <v>0</v>
      </c>
      <c r="F80" s="7">
        <v>0</v>
      </c>
      <c r="G80" s="7">
        <v>0</v>
      </c>
      <c r="H80" s="7">
        <v>0</v>
      </c>
      <c r="I80" s="7">
        <v>0</v>
      </c>
    </row>
    <row r="81" spans="1:11" x14ac:dyDescent="0.25">
      <c r="A81" s="2" t="s">
        <v>147</v>
      </c>
      <c r="B81" s="4" t="s">
        <v>148</v>
      </c>
      <c r="C81" s="7">
        <v>0</v>
      </c>
      <c r="D81" s="7">
        <v>0</v>
      </c>
      <c r="E81" s="7">
        <v>0</v>
      </c>
      <c r="F81" s="7">
        <v>0</v>
      </c>
      <c r="G81" s="7">
        <v>0</v>
      </c>
      <c r="H81" s="7">
        <v>0</v>
      </c>
      <c r="I81" s="7">
        <v>0</v>
      </c>
    </row>
    <row r="82" spans="1:11" x14ac:dyDescent="0.25">
      <c r="A82" s="3" t="s">
        <v>149</v>
      </c>
      <c r="B82" s="5" t="s">
        <v>150</v>
      </c>
      <c r="C82" s="6">
        <v>0</v>
      </c>
      <c r="D82" s="6">
        <v>0</v>
      </c>
      <c r="E82" s="6">
        <v>0</v>
      </c>
      <c r="F82" s="6">
        <v>0</v>
      </c>
      <c r="G82" s="6">
        <v>0</v>
      </c>
      <c r="H82" s="6">
        <v>0</v>
      </c>
      <c r="I82" s="6">
        <v>0</v>
      </c>
    </row>
    <row r="83" spans="1:11" x14ac:dyDescent="0.25">
      <c r="A83" s="2" t="s">
        <v>151</v>
      </c>
      <c r="B83" s="4" t="s">
        <v>146</v>
      </c>
      <c r="C83" s="7">
        <v>0</v>
      </c>
      <c r="D83" s="7">
        <v>0</v>
      </c>
      <c r="E83" s="7">
        <v>0</v>
      </c>
      <c r="F83" s="7">
        <v>0</v>
      </c>
      <c r="G83" s="7">
        <v>0</v>
      </c>
      <c r="H83" s="7">
        <v>0</v>
      </c>
      <c r="I83" s="7">
        <v>0</v>
      </c>
    </row>
    <row r="84" spans="1:11" x14ac:dyDescent="0.25">
      <c r="A84" s="2" t="s">
        <v>152</v>
      </c>
      <c r="B84" s="4" t="s">
        <v>148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  <c r="H84" s="7">
        <v>0</v>
      </c>
      <c r="I84" s="7">
        <v>0</v>
      </c>
    </row>
    <row r="85" spans="1:11" x14ac:dyDescent="0.25">
      <c r="A85" s="3" t="s">
        <v>153</v>
      </c>
      <c r="B85" s="5" t="s">
        <v>154</v>
      </c>
      <c r="C85" s="6">
        <v>16823704500</v>
      </c>
      <c r="D85" s="6">
        <v>17046073773</v>
      </c>
      <c r="E85" s="6">
        <v>3109304090.2399998</v>
      </c>
      <c r="F85" s="6">
        <v>18.239999999999998</v>
      </c>
      <c r="G85" s="6">
        <v>9111336094.1900005</v>
      </c>
      <c r="H85" s="6">
        <v>53.45</v>
      </c>
      <c r="I85" s="6">
        <v>7934737678.8100004</v>
      </c>
    </row>
    <row r="86" spans="1:11" x14ac:dyDescent="0.25">
      <c r="A86" s="2" t="s">
        <v>155</v>
      </c>
      <c r="B86" s="4" t="s">
        <v>156</v>
      </c>
      <c r="C86" s="7">
        <v>0</v>
      </c>
      <c r="D86" s="7">
        <v>0</v>
      </c>
      <c r="E86" s="7">
        <v>0</v>
      </c>
      <c r="F86" s="7">
        <v>0</v>
      </c>
      <c r="G86" s="7">
        <v>0</v>
      </c>
      <c r="H86" s="7">
        <v>0</v>
      </c>
      <c r="I86" s="7">
        <v>0</v>
      </c>
    </row>
    <row r="87" spans="1:11" x14ac:dyDescent="0.25">
      <c r="A87" s="3" t="s">
        <v>157</v>
      </c>
      <c r="B87" s="5" t="s">
        <v>158</v>
      </c>
      <c r="C87" s="6">
        <v>16823704500</v>
      </c>
      <c r="D87" s="6">
        <v>17046073773</v>
      </c>
      <c r="E87" s="6">
        <v>3109304090.2399998</v>
      </c>
      <c r="F87" s="6">
        <v>18.239999999999998</v>
      </c>
      <c r="G87" s="6">
        <v>9111336094.1900005</v>
      </c>
      <c r="H87" s="6">
        <v>53.45</v>
      </c>
      <c r="I87" s="6">
        <v>7934737678.8100004</v>
      </c>
    </row>
    <row r="88" spans="1:11" x14ac:dyDescent="0.25">
      <c r="A88" s="3" t="s">
        <v>159</v>
      </c>
      <c r="B88" s="5" t="s">
        <v>160</v>
      </c>
      <c r="C88" s="6">
        <v>0</v>
      </c>
      <c r="D88" s="6">
        <v>891137280.29999995</v>
      </c>
      <c r="E88" s="6">
        <v>0</v>
      </c>
      <c r="F88" s="6">
        <v>0</v>
      </c>
      <c r="G88" s="6">
        <v>891137280.29999995</v>
      </c>
      <c r="H88" s="6">
        <v>100</v>
      </c>
      <c r="I88" s="6">
        <v>0</v>
      </c>
    </row>
    <row r="89" spans="1:11" x14ac:dyDescent="0.25">
      <c r="A89" s="2" t="s">
        <v>161</v>
      </c>
      <c r="B89" s="4" t="s">
        <v>162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  <c r="H89" s="7">
        <v>0</v>
      </c>
      <c r="I89" s="7">
        <v>0</v>
      </c>
    </row>
    <row r="90" spans="1:11" x14ac:dyDescent="0.25">
      <c r="A90" s="2" t="s">
        <v>163</v>
      </c>
      <c r="B90" s="4" t="s">
        <v>164</v>
      </c>
      <c r="C90" s="7">
        <v>0</v>
      </c>
      <c r="D90" s="7">
        <v>891137280.29999995</v>
      </c>
      <c r="E90" s="7">
        <v>0</v>
      </c>
      <c r="F90" s="7">
        <v>0</v>
      </c>
      <c r="G90" s="7">
        <v>891137280.29999995</v>
      </c>
      <c r="H90" s="7">
        <v>100</v>
      </c>
      <c r="I90" s="7">
        <v>0</v>
      </c>
    </row>
    <row r="92" spans="1:11" x14ac:dyDescent="0.25">
      <c r="A92" s="8" t="s">
        <v>6</v>
      </c>
      <c r="B92" s="8" t="s">
        <v>165</v>
      </c>
      <c r="C92" s="8" t="s">
        <v>166</v>
      </c>
      <c r="D92" s="8" t="s">
        <v>167</v>
      </c>
      <c r="E92" s="8" t="s">
        <v>168</v>
      </c>
      <c r="F92" s="8" t="s">
        <v>7</v>
      </c>
      <c r="G92" s="8" t="s">
        <v>171</v>
      </c>
      <c r="H92" s="8" t="s">
        <v>172</v>
      </c>
      <c r="I92" s="8" t="s">
        <v>7</v>
      </c>
      <c r="J92" s="8" t="s">
        <v>174</v>
      </c>
      <c r="K92" s="8" t="s">
        <v>175</v>
      </c>
    </row>
    <row r="93" spans="1:11" x14ac:dyDescent="0.25">
      <c r="A93" s="8" t="s">
        <v>7</v>
      </c>
      <c r="B93" s="8" t="s">
        <v>7</v>
      </c>
      <c r="C93" s="8" t="s">
        <v>7</v>
      </c>
      <c r="D93" s="8" t="s">
        <v>7</v>
      </c>
      <c r="E93" s="1" t="s">
        <v>169</v>
      </c>
      <c r="F93" s="1" t="s">
        <v>170</v>
      </c>
      <c r="G93" s="8" t="s">
        <v>7</v>
      </c>
      <c r="H93" s="1" t="s">
        <v>169</v>
      </c>
      <c r="I93" s="1" t="s">
        <v>173</v>
      </c>
      <c r="J93" s="8" t="s">
        <v>7</v>
      </c>
      <c r="K93" s="8" t="s">
        <v>7</v>
      </c>
    </row>
    <row r="94" spans="1:11" x14ac:dyDescent="0.25">
      <c r="A94" s="3" t="s">
        <v>176</v>
      </c>
      <c r="B94" s="5" t="s">
        <v>177</v>
      </c>
      <c r="C94" s="6">
        <v>15050076900</v>
      </c>
      <c r="D94" s="6">
        <v>16039985487.889999</v>
      </c>
      <c r="E94" s="6">
        <v>2513263278.4899998</v>
      </c>
      <c r="F94" s="6">
        <v>8659367854.7199993</v>
      </c>
      <c r="G94" s="6">
        <v>7380617633.1700001</v>
      </c>
      <c r="H94" s="6">
        <v>2253230497.5100002</v>
      </c>
      <c r="I94" s="6">
        <v>6832511721.0900002</v>
      </c>
      <c r="J94" s="6">
        <v>9207473766.7999992</v>
      </c>
      <c r="K94" s="6">
        <v>6353339100.04</v>
      </c>
    </row>
    <row r="95" spans="1:11" x14ac:dyDescent="0.25">
      <c r="A95" s="3" t="s">
        <v>178</v>
      </c>
      <c r="B95" s="5" t="s">
        <v>179</v>
      </c>
      <c r="C95" s="6">
        <v>12389602700</v>
      </c>
      <c r="D95" s="6">
        <v>12799350823.17</v>
      </c>
      <c r="E95" s="6">
        <v>2037978999.0899999</v>
      </c>
      <c r="F95" s="6">
        <v>7308197666.6099997</v>
      </c>
      <c r="G95" s="6">
        <v>5491153156.5600004</v>
      </c>
      <c r="H95" s="6">
        <v>1991035591.46</v>
      </c>
      <c r="I95" s="6">
        <v>6195343679.54</v>
      </c>
      <c r="J95" s="6">
        <v>6604007143.6300001</v>
      </c>
      <c r="K95" s="6">
        <v>5726344005.9700003</v>
      </c>
    </row>
    <row r="96" spans="1:11" x14ac:dyDescent="0.25">
      <c r="A96" s="2" t="s">
        <v>180</v>
      </c>
      <c r="B96" s="4" t="s">
        <v>181</v>
      </c>
      <c r="C96" s="7">
        <v>8178401200</v>
      </c>
      <c r="D96" s="7">
        <v>8056273903.8699999</v>
      </c>
      <c r="E96" s="7">
        <v>1386759218.8399999</v>
      </c>
      <c r="F96" s="7">
        <v>4963593872.6400003</v>
      </c>
      <c r="G96" s="7">
        <v>3092680031.23</v>
      </c>
      <c r="H96" s="7">
        <v>1361994727.8800001</v>
      </c>
      <c r="I96" s="7">
        <v>4381658918.1000004</v>
      </c>
      <c r="J96" s="7">
        <v>3674614985.77</v>
      </c>
      <c r="K96" s="7">
        <v>4004475756.4200001</v>
      </c>
    </row>
    <row r="97" spans="1:11" x14ac:dyDescent="0.25">
      <c r="A97" s="2" t="s">
        <v>182</v>
      </c>
      <c r="B97" s="4" t="s">
        <v>183</v>
      </c>
      <c r="C97" s="7">
        <v>530788700</v>
      </c>
      <c r="D97" s="7">
        <v>286357772</v>
      </c>
      <c r="E97" s="7">
        <v>50683288.909999996</v>
      </c>
      <c r="F97" s="7">
        <v>154402191.80000001</v>
      </c>
      <c r="G97" s="7">
        <v>131955580.2</v>
      </c>
      <c r="H97" s="7">
        <v>50849703.719999999</v>
      </c>
      <c r="I97" s="7">
        <v>153728642.00999999</v>
      </c>
      <c r="J97" s="7">
        <v>132629129.98999999</v>
      </c>
      <c r="K97" s="7">
        <v>153728642.00999999</v>
      </c>
    </row>
    <row r="98" spans="1:11" x14ac:dyDescent="0.25">
      <c r="A98" s="3" t="s">
        <v>184</v>
      </c>
      <c r="B98" s="5" t="s">
        <v>185</v>
      </c>
      <c r="C98" s="6">
        <v>3680412800</v>
      </c>
      <c r="D98" s="6">
        <v>4456719147.3000002</v>
      </c>
      <c r="E98" s="6">
        <v>600536491.34000003</v>
      </c>
      <c r="F98" s="6">
        <v>2190201602.1700001</v>
      </c>
      <c r="G98" s="6">
        <v>2266517545.1300001</v>
      </c>
      <c r="H98" s="6">
        <v>578191159.86000001</v>
      </c>
      <c r="I98" s="6">
        <v>1659956119.4300001</v>
      </c>
      <c r="J98" s="6">
        <v>2796763027.8699999</v>
      </c>
      <c r="K98" s="6">
        <v>1568139607.54</v>
      </c>
    </row>
    <row r="99" spans="1:11" x14ac:dyDescent="0.25">
      <c r="A99" s="2" t="s">
        <v>186</v>
      </c>
      <c r="B99" s="4" t="s">
        <v>187</v>
      </c>
      <c r="C99" s="7">
        <v>168000000</v>
      </c>
      <c r="D99" s="7">
        <v>399958800</v>
      </c>
      <c r="E99" s="7">
        <v>83111013.659999996</v>
      </c>
      <c r="F99" s="7">
        <v>266948274.69999999</v>
      </c>
      <c r="G99" s="7">
        <v>133010525.3</v>
      </c>
      <c r="H99" s="7">
        <v>80450529.5</v>
      </c>
      <c r="I99" s="7">
        <v>264287790.53999999</v>
      </c>
      <c r="J99" s="7">
        <v>135671009.46000001</v>
      </c>
      <c r="K99" s="7">
        <v>223574156.28</v>
      </c>
    </row>
    <row r="100" spans="1:11" x14ac:dyDescent="0.25">
      <c r="A100" s="2" t="s">
        <v>188</v>
      </c>
      <c r="B100" s="4" t="s">
        <v>189</v>
      </c>
      <c r="C100" s="7">
        <v>3512412800</v>
      </c>
      <c r="D100" s="7">
        <v>4056760347.3000002</v>
      </c>
      <c r="E100" s="7">
        <v>517425477.68000001</v>
      </c>
      <c r="F100" s="7">
        <v>1923253327.47</v>
      </c>
      <c r="G100" s="7">
        <v>2133507019.8299999</v>
      </c>
      <c r="H100" s="7">
        <v>497740630.36000001</v>
      </c>
      <c r="I100" s="7">
        <v>1395668328.8900001</v>
      </c>
      <c r="J100" s="7">
        <v>2661092018.4099998</v>
      </c>
      <c r="K100" s="7">
        <v>1344565451.26</v>
      </c>
    </row>
    <row r="101" spans="1:11" x14ac:dyDescent="0.25">
      <c r="A101" s="3" t="s">
        <v>190</v>
      </c>
      <c r="B101" s="5" t="s">
        <v>191</v>
      </c>
      <c r="C101" s="6">
        <v>2526336200</v>
      </c>
      <c r="D101" s="6">
        <v>3195420537.7199998</v>
      </c>
      <c r="E101" s="6">
        <v>475284279.39999998</v>
      </c>
      <c r="F101" s="6">
        <v>1351170188.1099999</v>
      </c>
      <c r="G101" s="6">
        <v>1844250349.6099999</v>
      </c>
      <c r="H101" s="6">
        <v>262194906.05000001</v>
      </c>
      <c r="I101" s="6">
        <v>637168041.54999995</v>
      </c>
      <c r="J101" s="6">
        <v>2558252496.1700001</v>
      </c>
      <c r="K101" s="6">
        <v>626995094.07000005</v>
      </c>
    </row>
    <row r="102" spans="1:11" x14ac:dyDescent="0.25">
      <c r="A102" s="2" t="s">
        <v>192</v>
      </c>
      <c r="B102" s="4" t="s">
        <v>193</v>
      </c>
      <c r="C102" s="7">
        <v>1959477700</v>
      </c>
      <c r="D102" s="7">
        <v>2696082456.7199998</v>
      </c>
      <c r="E102" s="7">
        <v>409665122.39999998</v>
      </c>
      <c r="F102" s="7">
        <v>1138836719.77</v>
      </c>
      <c r="G102" s="7">
        <v>1557245736.95</v>
      </c>
      <c r="H102" s="7">
        <v>203389278.77000001</v>
      </c>
      <c r="I102" s="7">
        <v>435590876.67000002</v>
      </c>
      <c r="J102" s="7">
        <v>2260491580.0500002</v>
      </c>
      <c r="K102" s="7">
        <v>425417929.19</v>
      </c>
    </row>
    <row r="103" spans="1:11" x14ac:dyDescent="0.25">
      <c r="A103" s="2" t="s">
        <v>194</v>
      </c>
      <c r="B103" s="4" t="s">
        <v>195</v>
      </c>
      <c r="C103" s="7">
        <v>651100</v>
      </c>
      <c r="D103" s="7">
        <v>81342936</v>
      </c>
      <c r="E103" s="7">
        <v>20955712.239999998</v>
      </c>
      <c r="F103" s="7">
        <v>30948026.879999999</v>
      </c>
      <c r="G103" s="7">
        <v>50394909.119999997</v>
      </c>
      <c r="H103" s="7">
        <v>13960939.689999999</v>
      </c>
      <c r="I103" s="7">
        <v>20735884.870000001</v>
      </c>
      <c r="J103" s="7">
        <v>60607051.130000003</v>
      </c>
      <c r="K103" s="7">
        <v>20735884.870000001</v>
      </c>
    </row>
    <row r="104" spans="1:11" x14ac:dyDescent="0.25">
      <c r="A104" s="2" t="s">
        <v>196</v>
      </c>
      <c r="B104" s="4" t="s">
        <v>197</v>
      </c>
      <c r="C104" s="7">
        <v>566207400</v>
      </c>
      <c r="D104" s="7">
        <v>417995145</v>
      </c>
      <c r="E104" s="7">
        <v>44663444.759999998</v>
      </c>
      <c r="F104" s="7">
        <v>181385441.46000001</v>
      </c>
      <c r="G104" s="7">
        <v>236609703.53999999</v>
      </c>
      <c r="H104" s="7">
        <v>44844687.590000004</v>
      </c>
      <c r="I104" s="7">
        <v>180841280.00999999</v>
      </c>
      <c r="J104" s="7">
        <v>237153864.99000001</v>
      </c>
      <c r="K104" s="7">
        <v>180841280.00999999</v>
      </c>
    </row>
    <row r="105" spans="1:11" x14ac:dyDescent="0.25">
      <c r="A105" s="2" t="s">
        <v>198</v>
      </c>
      <c r="B105" s="4" t="s">
        <v>199</v>
      </c>
      <c r="C105" s="7">
        <v>134138000</v>
      </c>
      <c r="D105" s="7">
        <v>45214127</v>
      </c>
      <c r="E105" s="7">
        <v>0</v>
      </c>
      <c r="F105" s="7">
        <v>0</v>
      </c>
      <c r="G105" s="7">
        <v>45214127</v>
      </c>
      <c r="H105" s="7">
        <v>0</v>
      </c>
      <c r="I105" s="7">
        <v>0</v>
      </c>
      <c r="J105" s="7">
        <v>45214127</v>
      </c>
      <c r="K105" s="7">
        <v>0</v>
      </c>
    </row>
    <row r="106" spans="1:11" x14ac:dyDescent="0.25">
      <c r="A106" s="2" t="s">
        <v>200</v>
      </c>
      <c r="B106" s="4" t="s">
        <v>201</v>
      </c>
      <c r="C106" s="7">
        <v>1773627600</v>
      </c>
      <c r="D106" s="7">
        <v>1897225565.4100001</v>
      </c>
      <c r="E106" s="7">
        <v>312463671.56</v>
      </c>
      <c r="F106" s="7">
        <v>1086190822.25</v>
      </c>
      <c r="G106" s="7">
        <v>811034743.15999997</v>
      </c>
      <c r="H106" s="7">
        <v>337020643.73000002</v>
      </c>
      <c r="I106" s="7">
        <v>998274735.38999999</v>
      </c>
      <c r="J106" s="7">
        <v>898950830.01999998</v>
      </c>
      <c r="K106" s="7">
        <v>861737778.62</v>
      </c>
    </row>
    <row r="107" spans="1:11" x14ac:dyDescent="0.25">
      <c r="A107" s="3" t="s">
        <v>202</v>
      </c>
      <c r="B107" s="5" t="s">
        <v>203</v>
      </c>
      <c r="C107" s="6">
        <v>16823704500</v>
      </c>
      <c r="D107" s="6">
        <v>17937211053.299999</v>
      </c>
      <c r="E107" s="6">
        <v>2825726950.0500002</v>
      </c>
      <c r="F107" s="6">
        <v>9745558676.9699993</v>
      </c>
      <c r="G107" s="6">
        <v>8191652376.3299999</v>
      </c>
      <c r="H107" s="6">
        <v>2590251141.2399998</v>
      </c>
      <c r="I107" s="6">
        <v>7830786456.4799995</v>
      </c>
      <c r="J107" s="6">
        <v>10106424596.82</v>
      </c>
      <c r="K107" s="6">
        <v>7215076878.6599998</v>
      </c>
    </row>
    <row r="108" spans="1:11" x14ac:dyDescent="0.25">
      <c r="A108" s="3" t="s">
        <v>204</v>
      </c>
      <c r="B108" s="5" t="s">
        <v>205</v>
      </c>
      <c r="C108" s="6">
        <v>0</v>
      </c>
      <c r="D108" s="6">
        <v>0</v>
      </c>
      <c r="E108" s="6">
        <v>0</v>
      </c>
      <c r="F108" s="6">
        <v>0</v>
      </c>
      <c r="G108" s="6">
        <v>0</v>
      </c>
      <c r="H108" s="6">
        <v>0</v>
      </c>
      <c r="I108" s="6">
        <v>0</v>
      </c>
      <c r="J108" s="6">
        <v>0</v>
      </c>
      <c r="K108" s="6">
        <v>0</v>
      </c>
    </row>
    <row r="109" spans="1:11" x14ac:dyDescent="0.25">
      <c r="A109" s="3" t="s">
        <v>206</v>
      </c>
      <c r="B109" s="5" t="s">
        <v>207</v>
      </c>
      <c r="C109" s="6">
        <v>0</v>
      </c>
      <c r="D109" s="6">
        <v>0</v>
      </c>
      <c r="E109" s="6">
        <v>0</v>
      </c>
      <c r="F109" s="6">
        <v>0</v>
      </c>
      <c r="G109" s="6">
        <v>0</v>
      </c>
      <c r="H109" s="6">
        <v>0</v>
      </c>
      <c r="I109" s="6">
        <v>0</v>
      </c>
      <c r="J109" s="6">
        <v>0</v>
      </c>
      <c r="K109" s="6">
        <v>0</v>
      </c>
    </row>
    <row r="110" spans="1:11" x14ac:dyDescent="0.25">
      <c r="A110" s="2" t="s">
        <v>208</v>
      </c>
      <c r="B110" s="4" t="s">
        <v>209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  <c r="H110" s="7">
        <v>0</v>
      </c>
      <c r="I110" s="7">
        <v>0</v>
      </c>
      <c r="J110" s="7">
        <v>0</v>
      </c>
      <c r="K110" s="7">
        <v>0</v>
      </c>
    </row>
    <row r="111" spans="1:11" x14ac:dyDescent="0.25">
      <c r="A111" s="2" t="s">
        <v>210</v>
      </c>
      <c r="B111" s="4" t="s">
        <v>211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  <c r="H111" s="7">
        <v>0</v>
      </c>
      <c r="I111" s="7">
        <v>0</v>
      </c>
      <c r="J111" s="7">
        <v>0</v>
      </c>
      <c r="K111" s="7">
        <v>0</v>
      </c>
    </row>
    <row r="112" spans="1:11" x14ac:dyDescent="0.25">
      <c r="A112" s="3" t="s">
        <v>212</v>
      </c>
      <c r="B112" s="5" t="s">
        <v>213</v>
      </c>
      <c r="C112" s="6">
        <v>0</v>
      </c>
      <c r="D112" s="6">
        <v>0</v>
      </c>
      <c r="E112" s="6">
        <v>0</v>
      </c>
      <c r="F112" s="6">
        <v>0</v>
      </c>
      <c r="G112" s="6">
        <v>0</v>
      </c>
      <c r="H112" s="6">
        <v>0</v>
      </c>
      <c r="I112" s="6">
        <v>0</v>
      </c>
      <c r="J112" s="6">
        <v>0</v>
      </c>
      <c r="K112" s="6">
        <v>0</v>
      </c>
    </row>
    <row r="113" spans="1:11" x14ac:dyDescent="0.25">
      <c r="A113" s="2" t="s">
        <v>214</v>
      </c>
      <c r="B113" s="4" t="s">
        <v>209</v>
      </c>
      <c r="C113" s="7">
        <v>0</v>
      </c>
      <c r="D113" s="7">
        <v>0</v>
      </c>
      <c r="E113" s="7">
        <v>0</v>
      </c>
      <c r="F113" s="7">
        <v>0</v>
      </c>
      <c r="G113" s="7">
        <v>0</v>
      </c>
      <c r="H113" s="7">
        <v>0</v>
      </c>
      <c r="I113" s="7">
        <v>0</v>
      </c>
      <c r="J113" s="7">
        <v>0</v>
      </c>
      <c r="K113" s="7">
        <v>0</v>
      </c>
    </row>
    <row r="114" spans="1:11" x14ac:dyDescent="0.25">
      <c r="A114" s="2" t="s">
        <v>215</v>
      </c>
      <c r="B114" s="4" t="s">
        <v>211</v>
      </c>
      <c r="C114" s="7">
        <v>0</v>
      </c>
      <c r="D114" s="7">
        <v>0</v>
      </c>
      <c r="E114" s="7">
        <v>0</v>
      </c>
      <c r="F114" s="7">
        <v>0</v>
      </c>
      <c r="G114" s="7">
        <v>0</v>
      </c>
      <c r="H114" s="7">
        <v>0</v>
      </c>
      <c r="I114" s="7">
        <v>0</v>
      </c>
      <c r="J114" s="7">
        <v>0</v>
      </c>
      <c r="K114" s="7">
        <v>0</v>
      </c>
    </row>
    <row r="115" spans="1:11" x14ac:dyDescent="0.25">
      <c r="A115" s="3" t="s">
        <v>216</v>
      </c>
      <c r="B115" s="5" t="s">
        <v>217</v>
      </c>
      <c r="C115" s="6">
        <v>16823704500</v>
      </c>
      <c r="D115" s="6">
        <v>17937211053.299999</v>
      </c>
      <c r="E115" s="6">
        <v>2825726950.0500002</v>
      </c>
      <c r="F115" s="6">
        <v>9745558676.9699993</v>
      </c>
      <c r="G115" s="6">
        <v>8191652376.3299999</v>
      </c>
      <c r="H115" s="6">
        <v>2590251141.2399998</v>
      </c>
      <c r="I115" s="6">
        <v>7830786456.4799995</v>
      </c>
      <c r="J115" s="6">
        <v>10106424596.82</v>
      </c>
      <c r="K115" s="6">
        <v>7215076878.6599998</v>
      </c>
    </row>
    <row r="116" spans="1:11" x14ac:dyDescent="0.25">
      <c r="A116" s="2" t="s">
        <v>218</v>
      </c>
      <c r="B116" s="4" t="s">
        <v>219</v>
      </c>
      <c r="C116" s="7">
        <v>0</v>
      </c>
      <c r="D116" s="7">
        <v>0</v>
      </c>
      <c r="E116" s="7">
        <v>0</v>
      </c>
      <c r="F116" s="7">
        <v>0</v>
      </c>
      <c r="G116" s="7">
        <v>0</v>
      </c>
      <c r="H116" s="7">
        <v>0</v>
      </c>
      <c r="I116" s="7">
        <v>1280549637.71</v>
      </c>
      <c r="J116" s="7">
        <v>0</v>
      </c>
      <c r="K116" s="7">
        <v>1896259215.53</v>
      </c>
    </row>
    <row r="117" spans="1:11" x14ac:dyDescent="0.25">
      <c r="A117" s="3" t="s">
        <v>220</v>
      </c>
      <c r="B117" s="5" t="s">
        <v>221</v>
      </c>
      <c r="C117" s="6">
        <v>16823704500</v>
      </c>
      <c r="D117" s="6">
        <v>17937211053.299999</v>
      </c>
      <c r="E117" s="6">
        <v>2825726950.0500002</v>
      </c>
      <c r="F117" s="6">
        <v>9745558676.9699993</v>
      </c>
      <c r="G117" s="6">
        <v>8191652376.3299999</v>
      </c>
      <c r="H117" s="6">
        <v>2590251141.2399998</v>
      </c>
      <c r="I117" s="6">
        <v>9111336094.1900005</v>
      </c>
      <c r="J117" s="6">
        <v>10106424596.82</v>
      </c>
      <c r="K117" s="6">
        <v>9111336094.1900005</v>
      </c>
    </row>
    <row r="118" spans="1:11" x14ac:dyDescent="0.25">
      <c r="A118" s="2" t="s">
        <v>222</v>
      </c>
      <c r="B118" s="4" t="s">
        <v>223</v>
      </c>
      <c r="C118" s="7">
        <v>0</v>
      </c>
      <c r="D118" s="7">
        <v>0</v>
      </c>
      <c r="E118" s="7">
        <v>0</v>
      </c>
      <c r="F118" s="7">
        <v>0</v>
      </c>
      <c r="G118" s="7">
        <v>0</v>
      </c>
      <c r="H118" s="7">
        <v>0</v>
      </c>
      <c r="I118" s="7">
        <v>0</v>
      </c>
      <c r="J118" s="7">
        <v>0</v>
      </c>
      <c r="K118" s="7">
        <v>0</v>
      </c>
    </row>
    <row r="120" spans="1:11" x14ac:dyDescent="0.25">
      <c r="A120" s="8" t="s">
        <v>6</v>
      </c>
      <c r="B120" s="8" t="s">
        <v>224</v>
      </c>
      <c r="C120" s="8" t="s">
        <v>9</v>
      </c>
      <c r="D120" s="8" t="s">
        <v>10</v>
      </c>
      <c r="E120" s="8" t="s">
        <v>11</v>
      </c>
      <c r="F120" s="8" t="s">
        <v>7</v>
      </c>
      <c r="G120" s="8" t="s">
        <v>7</v>
      </c>
      <c r="H120" s="8" t="s">
        <v>7</v>
      </c>
      <c r="I120" s="8" t="s">
        <v>16</v>
      </c>
    </row>
    <row r="121" spans="1:11" x14ac:dyDescent="0.25">
      <c r="A121" s="8" t="s">
        <v>7</v>
      </c>
      <c r="B121" s="8" t="s">
        <v>7</v>
      </c>
      <c r="C121" s="8" t="s">
        <v>7</v>
      </c>
      <c r="D121" s="8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8" t="s">
        <v>7</v>
      </c>
    </row>
    <row r="122" spans="1:11" x14ac:dyDescent="0.25">
      <c r="A122" s="3" t="s">
        <v>225</v>
      </c>
      <c r="B122" s="5" t="s">
        <v>226</v>
      </c>
      <c r="C122" s="6">
        <v>1382157700</v>
      </c>
      <c r="D122" s="6">
        <v>1390157700</v>
      </c>
      <c r="E122" s="6">
        <v>332524588.75</v>
      </c>
      <c r="F122" s="6">
        <v>23.92</v>
      </c>
      <c r="G122" s="6">
        <v>941739954.58000004</v>
      </c>
      <c r="H122" s="6">
        <v>67.739999999999995</v>
      </c>
      <c r="I122" s="6">
        <v>448417745.42000002</v>
      </c>
    </row>
    <row r="123" spans="1:11" x14ac:dyDescent="0.25">
      <c r="A123" s="3" t="s">
        <v>227</v>
      </c>
      <c r="B123" s="5" t="s">
        <v>228</v>
      </c>
      <c r="C123" s="6">
        <v>1382157700</v>
      </c>
      <c r="D123" s="6">
        <v>1390157700</v>
      </c>
      <c r="E123" s="6">
        <v>332524588.75</v>
      </c>
      <c r="F123" s="6">
        <v>23.92</v>
      </c>
      <c r="G123" s="6">
        <v>941739954.58000004</v>
      </c>
      <c r="H123" s="6">
        <v>67.739999999999995</v>
      </c>
      <c r="I123" s="6">
        <v>448417745.42000002</v>
      </c>
    </row>
    <row r="124" spans="1:11" x14ac:dyDescent="0.25">
      <c r="A124" s="3" t="s">
        <v>229</v>
      </c>
      <c r="B124" s="5" t="s">
        <v>230</v>
      </c>
      <c r="C124" s="6">
        <v>0</v>
      </c>
      <c r="D124" s="6">
        <v>0</v>
      </c>
      <c r="E124" s="6">
        <v>0</v>
      </c>
      <c r="F124" s="6">
        <v>0</v>
      </c>
      <c r="G124" s="6">
        <v>0</v>
      </c>
      <c r="H124" s="6">
        <v>0</v>
      </c>
      <c r="I124" s="6">
        <v>0</v>
      </c>
    </row>
    <row r="125" spans="1:11" x14ac:dyDescent="0.25">
      <c r="A125" s="2" t="s">
        <v>231</v>
      </c>
      <c r="B125" s="4" t="s">
        <v>232</v>
      </c>
      <c r="C125" s="7">
        <v>0</v>
      </c>
      <c r="D125" s="7">
        <v>0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</row>
    <row r="126" spans="1:11" x14ac:dyDescent="0.25">
      <c r="A126" s="2" t="s">
        <v>233</v>
      </c>
      <c r="B126" s="4" t="s">
        <v>234</v>
      </c>
      <c r="C126" s="7">
        <v>0</v>
      </c>
      <c r="D126" s="7">
        <v>0</v>
      </c>
      <c r="E126" s="7">
        <v>0</v>
      </c>
      <c r="F126" s="7">
        <v>0</v>
      </c>
      <c r="G126" s="7">
        <v>0</v>
      </c>
      <c r="H126" s="7">
        <v>0</v>
      </c>
      <c r="I126" s="7">
        <v>0</v>
      </c>
    </row>
    <row r="127" spans="1:11" x14ac:dyDescent="0.25">
      <c r="A127" s="2" t="s">
        <v>235</v>
      </c>
      <c r="B127" s="4" t="s">
        <v>236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</row>
    <row r="128" spans="1:11" x14ac:dyDescent="0.25">
      <c r="A128" s="3" t="s">
        <v>237</v>
      </c>
      <c r="B128" s="5" t="s">
        <v>238</v>
      </c>
      <c r="C128" s="6">
        <v>908278000</v>
      </c>
      <c r="D128" s="6">
        <v>908278000</v>
      </c>
      <c r="E128" s="6">
        <v>330902474.50999999</v>
      </c>
      <c r="F128" s="6">
        <v>36.43</v>
      </c>
      <c r="G128" s="6">
        <v>936886561.87</v>
      </c>
      <c r="H128" s="6">
        <v>103.15</v>
      </c>
      <c r="I128" s="6">
        <v>-28608561.870000001</v>
      </c>
    </row>
    <row r="129" spans="1:9" x14ac:dyDescent="0.25">
      <c r="A129" s="2" t="s">
        <v>239</v>
      </c>
      <c r="B129" s="4" t="s">
        <v>240</v>
      </c>
      <c r="C129" s="7">
        <v>908278000</v>
      </c>
      <c r="D129" s="7">
        <v>908278000</v>
      </c>
      <c r="E129" s="7">
        <v>330902474.50999999</v>
      </c>
      <c r="F129" s="7">
        <v>36.43</v>
      </c>
      <c r="G129" s="7">
        <v>936886561.87</v>
      </c>
      <c r="H129" s="7">
        <v>103.15</v>
      </c>
      <c r="I129" s="7">
        <v>-28608561.870000001</v>
      </c>
    </row>
    <row r="130" spans="1:9" x14ac:dyDescent="0.25">
      <c r="A130" s="2" t="s">
        <v>241</v>
      </c>
      <c r="B130" s="4" t="s">
        <v>242</v>
      </c>
      <c r="C130" s="7">
        <v>0</v>
      </c>
      <c r="D130" s="7">
        <v>0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</row>
    <row r="131" spans="1:9" x14ac:dyDescent="0.25">
      <c r="A131" s="2" t="s">
        <v>243</v>
      </c>
      <c r="B131" s="4" t="s">
        <v>244</v>
      </c>
      <c r="C131" s="7">
        <v>0</v>
      </c>
      <c r="D131" s="7">
        <v>0</v>
      </c>
      <c r="E131" s="7">
        <v>0</v>
      </c>
      <c r="F131" s="7">
        <v>0</v>
      </c>
      <c r="G131" s="7">
        <v>0</v>
      </c>
      <c r="H131" s="7">
        <v>0</v>
      </c>
      <c r="I131" s="7">
        <v>0</v>
      </c>
    </row>
    <row r="132" spans="1:9" x14ac:dyDescent="0.25">
      <c r="A132" s="2" t="s">
        <v>245</v>
      </c>
      <c r="B132" s="4" t="s">
        <v>246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</row>
    <row r="133" spans="1:9" x14ac:dyDescent="0.25">
      <c r="A133" s="3" t="s">
        <v>247</v>
      </c>
      <c r="B133" s="5" t="s">
        <v>248</v>
      </c>
      <c r="C133" s="6">
        <v>30000000</v>
      </c>
      <c r="D133" s="6">
        <v>30000000</v>
      </c>
      <c r="E133" s="6">
        <v>0</v>
      </c>
      <c r="F133" s="6">
        <v>0</v>
      </c>
      <c r="G133" s="6">
        <v>0</v>
      </c>
      <c r="H133" s="6">
        <v>0</v>
      </c>
      <c r="I133" s="6">
        <v>30000000</v>
      </c>
    </row>
    <row r="134" spans="1:9" x14ac:dyDescent="0.25">
      <c r="A134" s="2" t="s">
        <v>249</v>
      </c>
      <c r="B134" s="4" t="s">
        <v>250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  <c r="I134" s="7">
        <v>0</v>
      </c>
    </row>
    <row r="135" spans="1:9" x14ac:dyDescent="0.25">
      <c r="A135" s="2" t="s">
        <v>251</v>
      </c>
      <c r="B135" s="4" t="s">
        <v>252</v>
      </c>
      <c r="C135" s="7">
        <v>0</v>
      </c>
      <c r="D135" s="7">
        <v>0</v>
      </c>
      <c r="E135" s="7">
        <v>0</v>
      </c>
      <c r="F135" s="7">
        <v>0</v>
      </c>
      <c r="G135" s="7">
        <v>0</v>
      </c>
      <c r="H135" s="7">
        <v>0</v>
      </c>
      <c r="I135" s="7">
        <v>0</v>
      </c>
    </row>
    <row r="136" spans="1:9" x14ac:dyDescent="0.25">
      <c r="A136" s="2" t="s">
        <v>253</v>
      </c>
      <c r="B136" s="4" t="s">
        <v>254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</row>
    <row r="137" spans="1:9" x14ac:dyDescent="0.25">
      <c r="A137" s="2" t="s">
        <v>255</v>
      </c>
      <c r="B137" s="4" t="s">
        <v>25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</row>
    <row r="138" spans="1:9" x14ac:dyDescent="0.25">
      <c r="A138" s="2" t="s">
        <v>257</v>
      </c>
      <c r="B138" s="4" t="s">
        <v>258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</row>
    <row r="139" spans="1:9" x14ac:dyDescent="0.25">
      <c r="A139" s="2" t="s">
        <v>259</v>
      </c>
      <c r="B139" s="4" t="s">
        <v>260</v>
      </c>
      <c r="C139" s="7">
        <v>30000000</v>
      </c>
      <c r="D139" s="7">
        <v>30000000</v>
      </c>
      <c r="E139" s="7">
        <v>0</v>
      </c>
      <c r="F139" s="7">
        <v>0</v>
      </c>
      <c r="G139" s="7">
        <v>0</v>
      </c>
      <c r="H139" s="7">
        <v>0</v>
      </c>
      <c r="I139" s="7">
        <v>30000000</v>
      </c>
    </row>
    <row r="140" spans="1:9" x14ac:dyDescent="0.25">
      <c r="A140" s="2" t="s">
        <v>261</v>
      </c>
      <c r="B140" s="4" t="s">
        <v>262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</row>
    <row r="141" spans="1:9" x14ac:dyDescent="0.25">
      <c r="A141" s="2" t="s">
        <v>263</v>
      </c>
      <c r="B141" s="4" t="s">
        <v>264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</row>
    <row r="142" spans="1:9" x14ac:dyDescent="0.25">
      <c r="A142" s="2" t="s">
        <v>265</v>
      </c>
      <c r="B142" s="4" t="s">
        <v>266</v>
      </c>
      <c r="C142" s="7">
        <v>0</v>
      </c>
      <c r="D142" s="7">
        <v>0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</row>
    <row r="143" spans="1:9" x14ac:dyDescent="0.25">
      <c r="A143" s="3" t="s">
        <v>267</v>
      </c>
      <c r="B143" s="5" t="s">
        <v>268</v>
      </c>
      <c r="C143" s="6">
        <v>0</v>
      </c>
      <c r="D143" s="6">
        <v>8000000</v>
      </c>
      <c r="E143" s="6">
        <v>0</v>
      </c>
      <c r="F143" s="6">
        <v>0</v>
      </c>
      <c r="G143" s="6">
        <v>0</v>
      </c>
      <c r="H143" s="6">
        <v>0</v>
      </c>
      <c r="I143" s="6">
        <v>8000000</v>
      </c>
    </row>
    <row r="144" spans="1:9" x14ac:dyDescent="0.25">
      <c r="A144" s="2" t="s">
        <v>269</v>
      </c>
      <c r="B144" s="4" t="s">
        <v>270</v>
      </c>
      <c r="C144" s="7">
        <v>0</v>
      </c>
      <c r="D144" s="7">
        <v>8000000</v>
      </c>
      <c r="E144" s="7">
        <v>0</v>
      </c>
      <c r="F144" s="7">
        <v>0</v>
      </c>
      <c r="G144" s="7">
        <v>0</v>
      </c>
      <c r="H144" s="7">
        <v>0</v>
      </c>
      <c r="I144" s="7">
        <v>8000000</v>
      </c>
    </row>
    <row r="145" spans="1:9" x14ac:dyDescent="0.25">
      <c r="A145" s="2" t="s">
        <v>271</v>
      </c>
      <c r="B145" s="4" t="s">
        <v>272</v>
      </c>
      <c r="C145" s="7">
        <v>0</v>
      </c>
      <c r="D145" s="7">
        <v>0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</row>
    <row r="146" spans="1:9" x14ac:dyDescent="0.25">
      <c r="A146" s="2" t="s">
        <v>273</v>
      </c>
      <c r="B146" s="4" t="s">
        <v>274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</row>
    <row r="147" spans="1:9" x14ac:dyDescent="0.25">
      <c r="A147" s="2" t="s">
        <v>275</v>
      </c>
      <c r="B147" s="4" t="s">
        <v>276</v>
      </c>
      <c r="C147" s="7">
        <v>0</v>
      </c>
      <c r="D147" s="7">
        <v>0</v>
      </c>
      <c r="E147" s="7">
        <v>0</v>
      </c>
      <c r="F147" s="7">
        <v>0</v>
      </c>
      <c r="G147" s="7">
        <v>0</v>
      </c>
      <c r="H147" s="7">
        <v>0</v>
      </c>
      <c r="I147" s="7">
        <v>0</v>
      </c>
    </row>
    <row r="148" spans="1:9" x14ac:dyDescent="0.25">
      <c r="A148" s="2" t="s">
        <v>277</v>
      </c>
      <c r="B148" s="4" t="s">
        <v>278</v>
      </c>
      <c r="C148" s="7">
        <v>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</row>
    <row r="149" spans="1:9" x14ac:dyDescent="0.25">
      <c r="A149" s="3" t="s">
        <v>279</v>
      </c>
      <c r="B149" s="5" t="s">
        <v>280</v>
      </c>
      <c r="C149" s="6">
        <v>0</v>
      </c>
      <c r="D149" s="6">
        <v>0</v>
      </c>
      <c r="E149" s="6">
        <v>0</v>
      </c>
      <c r="F149" s="6">
        <v>0</v>
      </c>
      <c r="G149" s="6">
        <v>0</v>
      </c>
      <c r="H149" s="6">
        <v>0</v>
      </c>
      <c r="I149" s="6">
        <v>0</v>
      </c>
    </row>
    <row r="150" spans="1:9" x14ac:dyDescent="0.25">
      <c r="A150" s="2" t="s">
        <v>281</v>
      </c>
      <c r="B150" s="4" t="s">
        <v>282</v>
      </c>
      <c r="C150" s="7">
        <v>0</v>
      </c>
      <c r="D150" s="7">
        <v>0</v>
      </c>
      <c r="E150" s="7">
        <v>0</v>
      </c>
      <c r="F150" s="7">
        <v>0</v>
      </c>
      <c r="G150" s="7">
        <v>0</v>
      </c>
      <c r="H150" s="7">
        <v>0</v>
      </c>
      <c r="I150" s="7">
        <v>0</v>
      </c>
    </row>
    <row r="151" spans="1:9" x14ac:dyDescent="0.25">
      <c r="A151" s="2" t="s">
        <v>283</v>
      </c>
      <c r="B151" s="4" t="s">
        <v>284</v>
      </c>
      <c r="C151" s="7">
        <v>0</v>
      </c>
      <c r="D151" s="7">
        <v>0</v>
      </c>
      <c r="E151" s="7">
        <v>0</v>
      </c>
      <c r="F151" s="7">
        <v>0</v>
      </c>
      <c r="G151" s="7">
        <v>0</v>
      </c>
      <c r="H151" s="7">
        <v>0</v>
      </c>
      <c r="I151" s="7">
        <v>0</v>
      </c>
    </row>
    <row r="152" spans="1:9" x14ac:dyDescent="0.25">
      <c r="A152" s="2" t="s">
        <v>285</v>
      </c>
      <c r="B152" s="4" t="s">
        <v>286</v>
      </c>
      <c r="C152" s="7">
        <v>0</v>
      </c>
      <c r="D152" s="7">
        <v>0</v>
      </c>
      <c r="E152" s="7">
        <v>0</v>
      </c>
      <c r="F152" s="7">
        <v>0</v>
      </c>
      <c r="G152" s="7">
        <v>0</v>
      </c>
      <c r="H152" s="7">
        <v>0</v>
      </c>
      <c r="I152" s="7">
        <v>0</v>
      </c>
    </row>
    <row r="153" spans="1:9" x14ac:dyDescent="0.25">
      <c r="A153" s="2" t="s">
        <v>287</v>
      </c>
      <c r="B153" s="4" t="s">
        <v>288</v>
      </c>
      <c r="C153" s="7">
        <v>0</v>
      </c>
      <c r="D153" s="7">
        <v>0</v>
      </c>
      <c r="E153" s="7">
        <v>0</v>
      </c>
      <c r="F153" s="7">
        <v>0</v>
      </c>
      <c r="G153" s="7">
        <v>0</v>
      </c>
      <c r="H153" s="7">
        <v>0</v>
      </c>
      <c r="I153" s="7">
        <v>0</v>
      </c>
    </row>
    <row r="154" spans="1:9" x14ac:dyDescent="0.25">
      <c r="A154" s="2" t="s">
        <v>289</v>
      </c>
      <c r="B154" s="4" t="s">
        <v>290</v>
      </c>
      <c r="C154" s="7">
        <v>0</v>
      </c>
      <c r="D154" s="7">
        <v>0</v>
      </c>
      <c r="E154" s="7">
        <v>0</v>
      </c>
      <c r="F154" s="7">
        <v>0</v>
      </c>
      <c r="G154" s="7">
        <v>0</v>
      </c>
      <c r="H154" s="7">
        <v>0</v>
      </c>
      <c r="I154" s="7">
        <v>0</v>
      </c>
    </row>
    <row r="155" spans="1:9" x14ac:dyDescent="0.25">
      <c r="A155" s="2" t="s">
        <v>291</v>
      </c>
      <c r="B155" s="4" t="s">
        <v>292</v>
      </c>
      <c r="C155" s="7">
        <v>0</v>
      </c>
      <c r="D155" s="7">
        <v>0</v>
      </c>
      <c r="E155" s="7">
        <v>0</v>
      </c>
      <c r="F155" s="7">
        <v>0</v>
      </c>
      <c r="G155" s="7">
        <v>0</v>
      </c>
      <c r="H155" s="7">
        <v>0</v>
      </c>
      <c r="I155" s="7">
        <v>0</v>
      </c>
    </row>
    <row r="156" spans="1:9" x14ac:dyDescent="0.25">
      <c r="A156" s="2" t="s">
        <v>293</v>
      </c>
      <c r="B156" s="4" t="s">
        <v>294</v>
      </c>
      <c r="C156" s="7">
        <v>0</v>
      </c>
      <c r="D156" s="7">
        <v>0</v>
      </c>
      <c r="E156" s="7">
        <v>0</v>
      </c>
      <c r="F156" s="7">
        <v>0</v>
      </c>
      <c r="G156" s="7">
        <v>0</v>
      </c>
      <c r="H156" s="7">
        <v>0</v>
      </c>
      <c r="I156" s="7">
        <v>0</v>
      </c>
    </row>
    <row r="157" spans="1:9" x14ac:dyDescent="0.25">
      <c r="A157" s="2" t="s">
        <v>295</v>
      </c>
      <c r="B157" s="4" t="s">
        <v>296</v>
      </c>
      <c r="C157" s="7">
        <v>0</v>
      </c>
      <c r="D157" s="7">
        <v>0</v>
      </c>
      <c r="E157" s="7">
        <v>0</v>
      </c>
      <c r="F157" s="7">
        <v>0</v>
      </c>
      <c r="G157" s="7">
        <v>0</v>
      </c>
      <c r="H157" s="7">
        <v>0</v>
      </c>
      <c r="I157" s="7">
        <v>0</v>
      </c>
    </row>
    <row r="158" spans="1:9" x14ac:dyDescent="0.25">
      <c r="A158" s="3" t="s">
        <v>297</v>
      </c>
      <c r="B158" s="5" t="s">
        <v>298</v>
      </c>
      <c r="C158" s="6">
        <v>443879700</v>
      </c>
      <c r="D158" s="6">
        <v>443879700</v>
      </c>
      <c r="E158" s="6">
        <v>1622114.24</v>
      </c>
      <c r="F158" s="6">
        <v>0.37</v>
      </c>
      <c r="G158" s="6">
        <v>4853392.71</v>
      </c>
      <c r="H158" s="6">
        <v>1.0900000000000001</v>
      </c>
      <c r="I158" s="6">
        <v>439026307.29000002</v>
      </c>
    </row>
    <row r="159" spans="1:9" x14ac:dyDescent="0.25">
      <c r="A159" s="2" t="s">
        <v>299</v>
      </c>
      <c r="B159" s="4" t="s">
        <v>300</v>
      </c>
      <c r="C159" s="7">
        <v>0</v>
      </c>
      <c r="D159" s="7">
        <v>0</v>
      </c>
      <c r="E159" s="7">
        <v>0</v>
      </c>
      <c r="F159" s="7">
        <v>0</v>
      </c>
      <c r="G159" s="7">
        <v>0</v>
      </c>
      <c r="H159" s="7">
        <v>0</v>
      </c>
      <c r="I159" s="7">
        <v>0</v>
      </c>
    </row>
    <row r="160" spans="1:9" x14ac:dyDescent="0.25">
      <c r="A160" s="2" t="s">
        <v>301</v>
      </c>
      <c r="B160" s="4" t="s">
        <v>302</v>
      </c>
      <c r="C160" s="7">
        <v>0</v>
      </c>
      <c r="D160" s="7">
        <v>0</v>
      </c>
      <c r="E160" s="7">
        <v>1622114.24</v>
      </c>
      <c r="F160" s="7">
        <v>0</v>
      </c>
      <c r="G160" s="7">
        <v>4853392.71</v>
      </c>
      <c r="H160" s="7">
        <v>0</v>
      </c>
      <c r="I160" s="7">
        <v>-4853392.71</v>
      </c>
    </row>
    <row r="161" spans="1:9" x14ac:dyDescent="0.25">
      <c r="A161" s="2" t="s">
        <v>303</v>
      </c>
      <c r="B161" s="4" t="s">
        <v>304</v>
      </c>
      <c r="C161" s="7">
        <v>0</v>
      </c>
      <c r="D161" s="7">
        <v>0</v>
      </c>
      <c r="E161" s="7">
        <v>0</v>
      </c>
      <c r="F161" s="7">
        <v>0</v>
      </c>
      <c r="G161" s="7">
        <v>0</v>
      </c>
      <c r="H161" s="7">
        <v>0</v>
      </c>
      <c r="I161" s="7">
        <v>0</v>
      </c>
    </row>
    <row r="162" spans="1:9" x14ac:dyDescent="0.25">
      <c r="A162" s="2" t="s">
        <v>305</v>
      </c>
      <c r="B162" s="4" t="s">
        <v>306</v>
      </c>
      <c r="C162" s="7">
        <v>443879700</v>
      </c>
      <c r="D162" s="7">
        <v>443879700</v>
      </c>
      <c r="E162" s="7">
        <v>0</v>
      </c>
      <c r="F162" s="7">
        <v>0</v>
      </c>
      <c r="G162" s="7">
        <v>0</v>
      </c>
      <c r="H162" s="7">
        <v>0</v>
      </c>
      <c r="I162" s="7">
        <v>443879700</v>
      </c>
    </row>
    <row r="163" spans="1:9" x14ac:dyDescent="0.25">
      <c r="A163" s="3" t="s">
        <v>307</v>
      </c>
      <c r="B163" s="5" t="s">
        <v>308</v>
      </c>
      <c r="C163" s="6">
        <v>0</v>
      </c>
      <c r="D163" s="6">
        <v>0</v>
      </c>
      <c r="E163" s="6">
        <v>0</v>
      </c>
      <c r="F163" s="6">
        <v>0</v>
      </c>
      <c r="G163" s="6">
        <v>0</v>
      </c>
      <c r="H163" s="6">
        <v>0</v>
      </c>
      <c r="I163" s="6">
        <v>0</v>
      </c>
    </row>
    <row r="164" spans="1:9" x14ac:dyDescent="0.25">
      <c r="A164" s="3" t="s">
        <v>309</v>
      </c>
      <c r="B164" s="5" t="s">
        <v>310</v>
      </c>
      <c r="C164" s="6">
        <v>0</v>
      </c>
      <c r="D164" s="6">
        <v>0</v>
      </c>
      <c r="E164" s="6">
        <v>0</v>
      </c>
      <c r="F164" s="6">
        <v>0</v>
      </c>
      <c r="G164" s="6">
        <v>0</v>
      </c>
      <c r="H164" s="6">
        <v>0</v>
      </c>
      <c r="I164" s="6">
        <v>0</v>
      </c>
    </row>
    <row r="165" spans="1:9" x14ac:dyDescent="0.25">
      <c r="A165" s="2" t="s">
        <v>311</v>
      </c>
      <c r="B165" s="4" t="s">
        <v>312</v>
      </c>
      <c r="C165" s="7">
        <v>0</v>
      </c>
      <c r="D165" s="7">
        <v>0</v>
      </c>
      <c r="E165" s="7">
        <v>0</v>
      </c>
      <c r="F165" s="7">
        <v>0</v>
      </c>
      <c r="G165" s="7">
        <v>0</v>
      </c>
      <c r="H165" s="7">
        <v>0</v>
      </c>
      <c r="I165" s="7">
        <v>0</v>
      </c>
    </row>
    <row r="166" spans="1:9" x14ac:dyDescent="0.25">
      <c r="A166" s="2" t="s">
        <v>313</v>
      </c>
      <c r="B166" s="4" t="s">
        <v>314</v>
      </c>
      <c r="C166" s="7">
        <v>0</v>
      </c>
      <c r="D166" s="7">
        <v>0</v>
      </c>
      <c r="E166" s="7">
        <v>0</v>
      </c>
      <c r="F166" s="7">
        <v>0</v>
      </c>
      <c r="G166" s="7">
        <v>0</v>
      </c>
      <c r="H166" s="7">
        <v>0</v>
      </c>
      <c r="I166" s="7">
        <v>0</v>
      </c>
    </row>
    <row r="167" spans="1:9" x14ac:dyDescent="0.25">
      <c r="A167" s="3" t="s">
        <v>315</v>
      </c>
      <c r="B167" s="5" t="s">
        <v>316</v>
      </c>
      <c r="C167" s="6">
        <v>0</v>
      </c>
      <c r="D167" s="6">
        <v>0</v>
      </c>
      <c r="E167" s="6">
        <v>0</v>
      </c>
      <c r="F167" s="6">
        <v>0</v>
      </c>
      <c r="G167" s="6">
        <v>0</v>
      </c>
      <c r="H167" s="6">
        <v>0</v>
      </c>
      <c r="I167" s="6">
        <v>0</v>
      </c>
    </row>
    <row r="168" spans="1:9" x14ac:dyDescent="0.25">
      <c r="A168" s="2" t="s">
        <v>317</v>
      </c>
      <c r="B168" s="4" t="s">
        <v>318</v>
      </c>
      <c r="C168" s="7">
        <v>0</v>
      </c>
      <c r="D168" s="7">
        <v>0</v>
      </c>
      <c r="E168" s="7">
        <v>0</v>
      </c>
      <c r="F168" s="7">
        <v>0</v>
      </c>
      <c r="G168" s="7">
        <v>0</v>
      </c>
      <c r="H168" s="7">
        <v>0</v>
      </c>
      <c r="I168" s="7">
        <v>0</v>
      </c>
    </row>
    <row r="169" spans="1:9" x14ac:dyDescent="0.25">
      <c r="A169" s="2" t="s">
        <v>319</v>
      </c>
      <c r="B169" s="4" t="s">
        <v>320</v>
      </c>
      <c r="C169" s="7">
        <v>0</v>
      </c>
      <c r="D169" s="7">
        <v>0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</row>
    <row r="170" spans="1:9" x14ac:dyDescent="0.25">
      <c r="A170" s="2" t="s">
        <v>321</v>
      </c>
      <c r="B170" s="4" t="s">
        <v>322</v>
      </c>
      <c r="C170" s="7">
        <v>0</v>
      </c>
      <c r="D170" s="7">
        <v>0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</row>
    <row r="171" spans="1:9" x14ac:dyDescent="0.25">
      <c r="A171" s="2" t="s">
        <v>323</v>
      </c>
      <c r="B171" s="4" t="s">
        <v>324</v>
      </c>
      <c r="C171" s="7">
        <v>0</v>
      </c>
      <c r="D171" s="7">
        <v>0</v>
      </c>
      <c r="E171" s="7">
        <v>0</v>
      </c>
      <c r="F171" s="7">
        <v>0</v>
      </c>
      <c r="G171" s="7">
        <v>0</v>
      </c>
      <c r="H171" s="7">
        <v>0</v>
      </c>
      <c r="I171" s="7">
        <v>0</v>
      </c>
    </row>
    <row r="172" spans="1:9" x14ac:dyDescent="0.25">
      <c r="A172" s="3" t="s">
        <v>325</v>
      </c>
      <c r="B172" s="5" t="s">
        <v>326</v>
      </c>
      <c r="C172" s="6">
        <v>0</v>
      </c>
      <c r="D172" s="6">
        <v>0</v>
      </c>
      <c r="E172" s="6">
        <v>0</v>
      </c>
      <c r="F172" s="6">
        <v>0</v>
      </c>
      <c r="G172" s="6">
        <v>0</v>
      </c>
      <c r="H172" s="6">
        <v>0</v>
      </c>
      <c r="I172" s="6">
        <v>0</v>
      </c>
    </row>
    <row r="173" spans="1:9" x14ac:dyDescent="0.25">
      <c r="A173" s="2" t="s">
        <v>327</v>
      </c>
      <c r="B173" s="4" t="s">
        <v>282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</row>
    <row r="174" spans="1:9" x14ac:dyDescent="0.25">
      <c r="A174" s="2" t="s">
        <v>328</v>
      </c>
      <c r="B174" s="4" t="s">
        <v>284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</row>
    <row r="175" spans="1:9" x14ac:dyDescent="0.25">
      <c r="A175" s="2" t="s">
        <v>329</v>
      </c>
      <c r="B175" s="4" t="s">
        <v>286</v>
      </c>
      <c r="C175" s="7">
        <v>0</v>
      </c>
      <c r="D175" s="7">
        <v>0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</row>
    <row r="176" spans="1:9" x14ac:dyDescent="0.25">
      <c r="A176" s="2" t="s">
        <v>330</v>
      </c>
      <c r="B176" s="4" t="s">
        <v>288</v>
      </c>
      <c r="C176" s="7">
        <v>0</v>
      </c>
      <c r="D176" s="7">
        <v>0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</row>
    <row r="177" spans="1:11" x14ac:dyDescent="0.25">
      <c r="A177" s="2" t="s">
        <v>331</v>
      </c>
      <c r="B177" s="4" t="s">
        <v>290</v>
      </c>
      <c r="C177" s="7">
        <v>0</v>
      </c>
      <c r="D177" s="7">
        <v>0</v>
      </c>
      <c r="E177" s="7">
        <v>0</v>
      </c>
      <c r="F177" s="7">
        <v>0</v>
      </c>
      <c r="G177" s="7">
        <v>0</v>
      </c>
      <c r="H177" s="7">
        <v>0</v>
      </c>
      <c r="I177" s="7">
        <v>0</v>
      </c>
    </row>
    <row r="178" spans="1:11" x14ac:dyDescent="0.25">
      <c r="A178" s="2" t="s">
        <v>332</v>
      </c>
      <c r="B178" s="4" t="s">
        <v>292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</row>
    <row r="179" spans="1:11" x14ac:dyDescent="0.25">
      <c r="A179" s="2" t="s">
        <v>333</v>
      </c>
      <c r="B179" s="4" t="s">
        <v>294</v>
      </c>
      <c r="C179" s="7">
        <v>0</v>
      </c>
      <c r="D179" s="7">
        <v>0</v>
      </c>
      <c r="E179" s="7">
        <v>0</v>
      </c>
      <c r="F179" s="7">
        <v>0</v>
      </c>
      <c r="G179" s="7">
        <v>0</v>
      </c>
      <c r="H179" s="7">
        <v>0</v>
      </c>
      <c r="I179" s="7">
        <v>0</v>
      </c>
    </row>
    <row r="180" spans="1:11" x14ac:dyDescent="0.25">
      <c r="A180" s="2" t="s">
        <v>334</v>
      </c>
      <c r="B180" s="4" t="s">
        <v>296</v>
      </c>
      <c r="C180" s="7">
        <v>0</v>
      </c>
      <c r="D180" s="7">
        <v>0</v>
      </c>
      <c r="E180" s="7">
        <v>0</v>
      </c>
      <c r="F180" s="7">
        <v>0</v>
      </c>
      <c r="G180" s="7">
        <v>0</v>
      </c>
      <c r="H180" s="7">
        <v>0</v>
      </c>
      <c r="I180" s="7">
        <v>0</v>
      </c>
    </row>
    <row r="181" spans="1:11" x14ac:dyDescent="0.25">
      <c r="A181" s="3" t="s">
        <v>335</v>
      </c>
      <c r="B181" s="5" t="s">
        <v>336</v>
      </c>
      <c r="C181" s="6">
        <v>0</v>
      </c>
      <c r="D181" s="6">
        <v>0</v>
      </c>
      <c r="E181" s="6">
        <v>0</v>
      </c>
      <c r="F181" s="6">
        <v>0</v>
      </c>
      <c r="G181" s="6">
        <v>0</v>
      </c>
      <c r="H181" s="6">
        <v>0</v>
      </c>
      <c r="I181" s="6">
        <v>0</v>
      </c>
    </row>
    <row r="182" spans="1:11" x14ac:dyDescent="0.25">
      <c r="A182" s="2" t="s">
        <v>337</v>
      </c>
      <c r="B182" s="4" t="s">
        <v>338</v>
      </c>
      <c r="C182" s="7">
        <v>0</v>
      </c>
      <c r="D182" s="7">
        <v>0</v>
      </c>
      <c r="E182" s="7">
        <v>0</v>
      </c>
      <c r="F182" s="7">
        <v>0</v>
      </c>
      <c r="G182" s="7">
        <v>0</v>
      </c>
      <c r="H182" s="7">
        <v>0</v>
      </c>
      <c r="I182" s="7">
        <v>0</v>
      </c>
    </row>
    <row r="183" spans="1:11" x14ac:dyDescent="0.25">
      <c r="A183" s="2" t="s">
        <v>339</v>
      </c>
      <c r="B183" s="4" t="s">
        <v>340</v>
      </c>
      <c r="C183" s="7">
        <v>0</v>
      </c>
      <c r="D183" s="7">
        <v>0</v>
      </c>
      <c r="E183" s="7">
        <v>0</v>
      </c>
      <c r="F183" s="7">
        <v>0</v>
      </c>
      <c r="G183" s="7">
        <v>0</v>
      </c>
      <c r="H183" s="7">
        <v>0</v>
      </c>
      <c r="I183" s="7">
        <v>0</v>
      </c>
    </row>
    <row r="184" spans="1:11" x14ac:dyDescent="0.25">
      <c r="A184" s="2" t="s">
        <v>341</v>
      </c>
      <c r="B184" s="4" t="s">
        <v>342</v>
      </c>
      <c r="C184" s="7">
        <v>0</v>
      </c>
      <c r="D184" s="7">
        <v>0</v>
      </c>
      <c r="E184" s="7">
        <v>0</v>
      </c>
      <c r="F184" s="7">
        <v>0</v>
      </c>
      <c r="G184" s="7">
        <v>0</v>
      </c>
      <c r="H184" s="7">
        <v>0</v>
      </c>
      <c r="I184" s="7">
        <v>0</v>
      </c>
    </row>
    <row r="185" spans="1:11" x14ac:dyDescent="0.25">
      <c r="A185" s="2" t="s">
        <v>343</v>
      </c>
      <c r="B185" s="4" t="s">
        <v>344</v>
      </c>
      <c r="C185" s="7">
        <v>0</v>
      </c>
      <c r="D185" s="7">
        <v>0</v>
      </c>
      <c r="E185" s="7">
        <v>0</v>
      </c>
      <c r="F185" s="7">
        <v>0</v>
      </c>
      <c r="G185" s="7">
        <v>0</v>
      </c>
      <c r="H185" s="7">
        <v>0</v>
      </c>
      <c r="I185" s="7">
        <v>0</v>
      </c>
    </row>
    <row r="187" spans="1:11" x14ac:dyDescent="0.25">
      <c r="A187" s="8" t="s">
        <v>6</v>
      </c>
      <c r="B187" s="8" t="s">
        <v>345</v>
      </c>
      <c r="C187" s="8" t="s">
        <v>166</v>
      </c>
      <c r="D187" s="8" t="s">
        <v>167</v>
      </c>
      <c r="E187" s="8" t="s">
        <v>168</v>
      </c>
      <c r="F187" s="8" t="s">
        <v>7</v>
      </c>
      <c r="G187" s="8" t="s">
        <v>171</v>
      </c>
      <c r="H187" s="8" t="s">
        <v>172</v>
      </c>
      <c r="I187" s="8" t="s">
        <v>7</v>
      </c>
      <c r="J187" s="8" t="s">
        <v>174</v>
      </c>
      <c r="K187" s="8" t="s">
        <v>175</v>
      </c>
    </row>
    <row r="188" spans="1:11" x14ac:dyDescent="0.25">
      <c r="A188" s="8" t="s">
        <v>7</v>
      </c>
      <c r="B188" s="8" t="s">
        <v>7</v>
      </c>
      <c r="C188" s="8" t="s">
        <v>7</v>
      </c>
      <c r="D188" s="8" t="s">
        <v>7</v>
      </c>
      <c r="E188" s="1" t="s">
        <v>169</v>
      </c>
      <c r="F188" s="1" t="s">
        <v>170</v>
      </c>
      <c r="G188" s="8" t="s">
        <v>7</v>
      </c>
      <c r="H188" s="1" t="s">
        <v>169</v>
      </c>
      <c r="I188" s="1" t="s">
        <v>173</v>
      </c>
      <c r="J188" s="8" t="s">
        <v>7</v>
      </c>
      <c r="K188" s="8" t="s">
        <v>7</v>
      </c>
    </row>
    <row r="189" spans="1:11" x14ac:dyDescent="0.25">
      <c r="A189" s="3" t="s">
        <v>346</v>
      </c>
      <c r="B189" s="5" t="s">
        <v>347</v>
      </c>
      <c r="C189" s="6">
        <v>1773627600</v>
      </c>
      <c r="D189" s="6">
        <v>1897225565.4100001</v>
      </c>
      <c r="E189" s="6">
        <v>312463671.56</v>
      </c>
      <c r="F189" s="6">
        <v>1086190822.25</v>
      </c>
      <c r="G189" s="6">
        <v>811034743.15999997</v>
      </c>
      <c r="H189" s="6">
        <v>337020643.73000002</v>
      </c>
      <c r="I189" s="6">
        <v>998274735.38999999</v>
      </c>
      <c r="J189" s="6">
        <v>898950830.01999998</v>
      </c>
      <c r="K189" s="6">
        <v>861737778.62</v>
      </c>
    </row>
    <row r="190" spans="1:11" x14ac:dyDescent="0.25">
      <c r="A190" s="3" t="s">
        <v>348</v>
      </c>
      <c r="B190" s="5" t="s">
        <v>349</v>
      </c>
      <c r="C190" s="6">
        <v>1773627600</v>
      </c>
      <c r="D190" s="6">
        <v>1897225565.4100001</v>
      </c>
      <c r="E190" s="6">
        <v>312463671.56</v>
      </c>
      <c r="F190" s="6">
        <v>1086190822.25</v>
      </c>
      <c r="G190" s="6">
        <v>811034743.15999997</v>
      </c>
      <c r="H190" s="6">
        <v>337020643.73000002</v>
      </c>
      <c r="I190" s="6">
        <v>998274735.38999999</v>
      </c>
      <c r="J190" s="6">
        <v>898950830.01999998</v>
      </c>
      <c r="K190" s="6">
        <v>861737778.62</v>
      </c>
    </row>
    <row r="191" spans="1:11" x14ac:dyDescent="0.25">
      <c r="A191" s="2" t="s">
        <v>350</v>
      </c>
      <c r="B191" s="4" t="s">
        <v>351</v>
      </c>
      <c r="C191" s="7">
        <v>1665558200</v>
      </c>
      <c r="D191" s="7">
        <v>1811510427.4100001</v>
      </c>
      <c r="E191" s="7">
        <v>305743930.06999999</v>
      </c>
      <c r="F191" s="7">
        <v>1016464022.9</v>
      </c>
      <c r="G191" s="7">
        <v>795046404.50999999</v>
      </c>
      <c r="H191" s="7">
        <v>321854614.04000002</v>
      </c>
      <c r="I191" s="7">
        <v>956773998.66999996</v>
      </c>
      <c r="J191" s="7">
        <v>854736428.74000001</v>
      </c>
      <c r="K191" s="7">
        <v>830285831.74000001</v>
      </c>
    </row>
    <row r="192" spans="1:11" x14ac:dyDescent="0.25">
      <c r="A192" s="2" t="s">
        <v>352</v>
      </c>
      <c r="B192" s="4" t="s">
        <v>353</v>
      </c>
      <c r="C192" s="7">
        <v>0</v>
      </c>
      <c r="D192" s="7">
        <v>0</v>
      </c>
      <c r="E192" s="7">
        <v>0</v>
      </c>
      <c r="F192" s="7">
        <v>0</v>
      </c>
      <c r="G192" s="7">
        <v>0</v>
      </c>
      <c r="H192" s="7">
        <v>0</v>
      </c>
      <c r="I192" s="7">
        <v>0</v>
      </c>
      <c r="J192" s="7">
        <v>0</v>
      </c>
      <c r="K192" s="7">
        <v>0</v>
      </c>
    </row>
    <row r="193" spans="1:11" x14ac:dyDescent="0.25">
      <c r="A193" s="2" t="s">
        <v>354</v>
      </c>
      <c r="B193" s="4" t="s">
        <v>355</v>
      </c>
      <c r="C193" s="7">
        <v>108069400</v>
      </c>
      <c r="D193" s="7">
        <v>85715138</v>
      </c>
      <c r="E193" s="7">
        <v>6719741.4900000002</v>
      </c>
      <c r="F193" s="7">
        <v>69726799.349999994</v>
      </c>
      <c r="G193" s="7">
        <v>15988338.65</v>
      </c>
      <c r="H193" s="7">
        <v>15166029.689999999</v>
      </c>
      <c r="I193" s="7">
        <v>41500736.719999999</v>
      </c>
      <c r="J193" s="7">
        <v>44214401.280000001</v>
      </c>
      <c r="K193" s="7">
        <v>31451946.879999999</v>
      </c>
    </row>
    <row r="194" spans="1:11" x14ac:dyDescent="0.25">
      <c r="A194" s="3" t="s">
        <v>356</v>
      </c>
      <c r="B194" s="5" t="s">
        <v>357</v>
      </c>
      <c r="C194" s="6">
        <v>0</v>
      </c>
      <c r="D194" s="6">
        <v>0</v>
      </c>
      <c r="E194" s="6">
        <v>0</v>
      </c>
      <c r="F194" s="6">
        <v>0</v>
      </c>
      <c r="G194" s="6">
        <v>0</v>
      </c>
      <c r="H194" s="6">
        <v>0</v>
      </c>
      <c r="I194" s="6">
        <v>0</v>
      </c>
      <c r="J194" s="6">
        <v>0</v>
      </c>
      <c r="K194" s="6">
        <v>0</v>
      </c>
    </row>
    <row r="195" spans="1:11" x14ac:dyDescent="0.25">
      <c r="A195" s="2" t="s">
        <v>358</v>
      </c>
      <c r="B195" s="4" t="s">
        <v>359</v>
      </c>
      <c r="C195" s="7">
        <v>0</v>
      </c>
      <c r="D195" s="7">
        <v>0</v>
      </c>
      <c r="E195" s="7">
        <v>0</v>
      </c>
      <c r="F195" s="7">
        <v>0</v>
      </c>
      <c r="G195" s="7">
        <v>0</v>
      </c>
      <c r="H195" s="7">
        <v>0</v>
      </c>
      <c r="I195" s="7">
        <v>0</v>
      </c>
      <c r="J195" s="7">
        <v>0</v>
      </c>
      <c r="K195" s="7">
        <v>0</v>
      </c>
    </row>
    <row r="196" spans="1:11" x14ac:dyDescent="0.25">
      <c r="A196" s="2" t="s">
        <v>360</v>
      </c>
      <c r="B196" s="4" t="s">
        <v>361</v>
      </c>
      <c r="C196" s="7">
        <v>0</v>
      </c>
      <c r="D196" s="7">
        <v>0</v>
      </c>
      <c r="E196" s="7">
        <v>0</v>
      </c>
      <c r="F196" s="7">
        <v>0</v>
      </c>
      <c r="G196" s="7">
        <v>0</v>
      </c>
      <c r="H196" s="7">
        <v>0</v>
      </c>
      <c r="I196" s="7">
        <v>0</v>
      </c>
      <c r="J196" s="7">
        <v>0</v>
      </c>
      <c r="K196" s="7">
        <v>0</v>
      </c>
    </row>
    <row r="197" spans="1:11" x14ac:dyDescent="0.25">
      <c r="A197" s="2" t="s">
        <v>362</v>
      </c>
      <c r="B197" s="4" t="s">
        <v>363</v>
      </c>
      <c r="C197" s="7">
        <v>0</v>
      </c>
      <c r="D197" s="7">
        <v>0</v>
      </c>
      <c r="E197" s="7">
        <v>0</v>
      </c>
      <c r="F197" s="7">
        <v>0</v>
      </c>
      <c r="G197" s="7">
        <v>0</v>
      </c>
      <c r="H197" s="7">
        <v>0</v>
      </c>
      <c r="I197" s="7">
        <v>0</v>
      </c>
      <c r="J197" s="7">
        <v>0</v>
      </c>
      <c r="K197" s="7">
        <v>0</v>
      </c>
    </row>
    <row r="198" spans="1:11" x14ac:dyDescent="0.25">
      <c r="A198" s="2" t="s">
        <v>364</v>
      </c>
      <c r="B198" s="4" t="s">
        <v>365</v>
      </c>
      <c r="C198" s="7">
        <v>0</v>
      </c>
      <c r="D198" s="7">
        <v>0</v>
      </c>
      <c r="E198" s="7">
        <v>0</v>
      </c>
      <c r="F198" s="7">
        <v>0</v>
      </c>
      <c r="G198" s="7">
        <v>0</v>
      </c>
      <c r="H198" s="7">
        <v>0</v>
      </c>
      <c r="I198" s="7">
        <v>0</v>
      </c>
      <c r="J198" s="7">
        <v>0</v>
      </c>
      <c r="K198" s="7">
        <v>0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0"/>
  <sheetViews>
    <sheetView showGridLines="0" topLeftCell="A22" workbookViewId="0">
      <selection activeCell="C37" sqref="C37:E40"/>
    </sheetView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1116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1117</v>
      </c>
      <c r="B9" s="10"/>
      <c r="C9" s="10"/>
      <c r="D9" s="10"/>
      <c r="E9" s="10"/>
      <c r="F9" s="10"/>
      <c r="G9" s="10"/>
      <c r="H9" s="10"/>
      <c r="I9" s="10"/>
    </row>
    <row r="10" spans="1:9" x14ac:dyDescent="0.25">
      <c r="A10" s="8" t="s">
        <v>6</v>
      </c>
      <c r="B10" s="8" t="s">
        <v>1118</v>
      </c>
      <c r="C10" s="8" t="s">
        <v>965</v>
      </c>
      <c r="D10" s="8" t="s">
        <v>168</v>
      </c>
      <c r="E10" s="8" t="s">
        <v>7</v>
      </c>
      <c r="F10" s="8" t="s">
        <v>172</v>
      </c>
      <c r="G10" s="8" t="s">
        <v>7</v>
      </c>
      <c r="H10" s="8" t="s">
        <v>1013</v>
      </c>
      <c r="I10" s="8" t="s">
        <v>1013</v>
      </c>
    </row>
    <row r="11" spans="1:9" ht="21" x14ac:dyDescent="0.25">
      <c r="A11" s="8" t="s">
        <v>7</v>
      </c>
      <c r="B11" s="8" t="s">
        <v>7</v>
      </c>
      <c r="C11" s="8" t="s">
        <v>7</v>
      </c>
      <c r="D11" s="1" t="s">
        <v>371</v>
      </c>
      <c r="E11" s="1" t="s">
        <v>985</v>
      </c>
      <c r="F11" s="1" t="s">
        <v>14</v>
      </c>
      <c r="G11" s="1" t="s">
        <v>1119</v>
      </c>
      <c r="H11" s="1" t="s">
        <v>374</v>
      </c>
      <c r="I11" s="1" t="s">
        <v>1120</v>
      </c>
    </row>
    <row r="12" spans="1:9" x14ac:dyDescent="0.25">
      <c r="A12" s="3" t="s">
        <v>17</v>
      </c>
      <c r="B12" s="5" t="s">
        <v>1121</v>
      </c>
      <c r="C12" s="6">
        <v>0</v>
      </c>
      <c r="D12" s="6">
        <v>0</v>
      </c>
      <c r="E12" s="6">
        <v>0</v>
      </c>
      <c r="F12" s="6">
        <v>0</v>
      </c>
      <c r="G12" s="6">
        <v>0</v>
      </c>
      <c r="H12" s="6">
        <v>0</v>
      </c>
      <c r="I12" s="6">
        <v>0</v>
      </c>
    </row>
    <row r="13" spans="1:9" x14ac:dyDescent="0.25">
      <c r="A13" s="2" t="s">
        <v>19</v>
      </c>
      <c r="B13" s="4" t="s">
        <v>1122</v>
      </c>
      <c r="C13" s="7">
        <v>0</v>
      </c>
      <c r="D13" s="7">
        <v>0</v>
      </c>
      <c r="E13" s="7">
        <v>0</v>
      </c>
      <c r="F13" s="7">
        <v>0</v>
      </c>
      <c r="G13" s="7">
        <v>0</v>
      </c>
      <c r="H13" s="7">
        <v>0</v>
      </c>
      <c r="I13" s="7">
        <v>0</v>
      </c>
    </row>
    <row r="14" spans="1:9" x14ac:dyDescent="0.25">
      <c r="A14" s="2" t="s">
        <v>21</v>
      </c>
      <c r="B14" s="4" t="s">
        <v>1123</v>
      </c>
      <c r="C14" s="7">
        <v>0</v>
      </c>
      <c r="D14" s="7">
        <v>0</v>
      </c>
      <c r="E14" s="7">
        <v>0</v>
      </c>
      <c r="F14" s="7">
        <v>0</v>
      </c>
      <c r="G14" s="7">
        <v>0</v>
      </c>
      <c r="H14" s="7">
        <v>0</v>
      </c>
      <c r="I14" s="7">
        <v>0</v>
      </c>
    </row>
    <row r="15" spans="1:9" x14ac:dyDescent="0.25">
      <c r="A15" s="3" t="s">
        <v>23</v>
      </c>
      <c r="B15" s="5" t="s">
        <v>1124</v>
      </c>
      <c r="C15" s="6">
        <v>0</v>
      </c>
      <c r="D15" s="6">
        <v>0</v>
      </c>
      <c r="E15" s="6">
        <v>0</v>
      </c>
      <c r="F15" s="6">
        <v>0</v>
      </c>
      <c r="G15" s="6">
        <v>0</v>
      </c>
      <c r="H15" s="6">
        <v>0</v>
      </c>
      <c r="I15" s="6">
        <v>0</v>
      </c>
    </row>
    <row r="16" spans="1:9" x14ac:dyDescent="0.25">
      <c r="A16" s="2" t="s">
        <v>25</v>
      </c>
      <c r="B16" s="4" t="s">
        <v>1122</v>
      </c>
      <c r="C16" s="7">
        <v>0</v>
      </c>
      <c r="D16" s="7">
        <v>0</v>
      </c>
      <c r="E16" s="7">
        <v>0</v>
      </c>
      <c r="F16" s="7">
        <v>0</v>
      </c>
      <c r="G16" s="7">
        <v>0</v>
      </c>
      <c r="H16" s="7">
        <v>0</v>
      </c>
      <c r="I16" s="7">
        <v>0</v>
      </c>
    </row>
    <row r="17" spans="1:9" x14ac:dyDescent="0.25">
      <c r="A17" s="2" t="s">
        <v>27</v>
      </c>
      <c r="B17" s="4" t="s">
        <v>1125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0</v>
      </c>
    </row>
    <row r="18" spans="1:9" x14ac:dyDescent="0.25">
      <c r="A18" s="3" t="s">
        <v>29</v>
      </c>
      <c r="B18" s="5" t="s">
        <v>1126</v>
      </c>
      <c r="C18" s="6">
        <v>1245583.6499999999</v>
      </c>
      <c r="D18" s="6">
        <v>1245583.6499999999</v>
      </c>
      <c r="E18" s="6">
        <v>100</v>
      </c>
      <c r="F18" s="6">
        <v>1245583.6499999999</v>
      </c>
      <c r="G18" s="6">
        <v>100</v>
      </c>
      <c r="H18" s="6">
        <v>1245583.6499999999</v>
      </c>
      <c r="I18" s="6">
        <v>100</v>
      </c>
    </row>
    <row r="19" spans="1:9" x14ac:dyDescent="0.25">
      <c r="A19" s="2" t="s">
        <v>31</v>
      </c>
      <c r="B19" s="4" t="s">
        <v>1122</v>
      </c>
      <c r="C19" s="7">
        <v>1245583.6499999999</v>
      </c>
      <c r="D19" s="7">
        <v>1245583.6499999999</v>
      </c>
      <c r="E19" s="7">
        <v>100</v>
      </c>
      <c r="F19" s="7">
        <v>1245583.6499999999</v>
      </c>
      <c r="G19" s="7">
        <v>100</v>
      </c>
      <c r="H19" s="7">
        <v>1245583.6499999999</v>
      </c>
      <c r="I19" s="7">
        <v>100</v>
      </c>
    </row>
    <row r="20" spans="1:9" x14ac:dyDescent="0.25">
      <c r="A20" s="2" t="s">
        <v>33</v>
      </c>
      <c r="B20" s="4" t="s">
        <v>1125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</row>
    <row r="21" spans="1:9" x14ac:dyDescent="0.25">
      <c r="A21" s="3" t="s">
        <v>35</v>
      </c>
      <c r="B21" s="5" t="s">
        <v>1127</v>
      </c>
      <c r="C21" s="6">
        <v>0</v>
      </c>
      <c r="D21" s="6">
        <v>0</v>
      </c>
      <c r="E21" s="6">
        <v>0</v>
      </c>
      <c r="F21" s="6">
        <v>0</v>
      </c>
      <c r="G21" s="6">
        <v>0</v>
      </c>
      <c r="H21" s="6">
        <v>0</v>
      </c>
      <c r="I21" s="6">
        <v>0</v>
      </c>
    </row>
    <row r="22" spans="1:9" x14ac:dyDescent="0.25">
      <c r="A22" s="2" t="s">
        <v>37</v>
      </c>
      <c r="B22" s="4" t="s">
        <v>1122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</row>
    <row r="23" spans="1:9" x14ac:dyDescent="0.25">
      <c r="A23" s="2" t="s">
        <v>39</v>
      </c>
      <c r="B23" s="4" t="s">
        <v>1123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</row>
    <row r="24" spans="1:9" x14ac:dyDescent="0.25">
      <c r="A24" s="3" t="s">
        <v>41</v>
      </c>
      <c r="B24" s="5" t="s">
        <v>1128</v>
      </c>
      <c r="C24" s="6">
        <v>0</v>
      </c>
      <c r="D24" s="6">
        <v>0</v>
      </c>
      <c r="E24" s="6">
        <v>0</v>
      </c>
      <c r="F24" s="6">
        <v>0</v>
      </c>
      <c r="G24" s="6">
        <v>0</v>
      </c>
      <c r="H24" s="6">
        <v>0</v>
      </c>
      <c r="I24" s="6">
        <v>0</v>
      </c>
    </row>
    <row r="25" spans="1:9" x14ac:dyDescent="0.25">
      <c r="A25" s="2" t="s">
        <v>43</v>
      </c>
      <c r="B25" s="4" t="s">
        <v>1122</v>
      </c>
      <c r="C25" s="7">
        <v>0</v>
      </c>
      <c r="D25" s="7">
        <v>0</v>
      </c>
      <c r="E25" s="7">
        <v>0</v>
      </c>
      <c r="F25" s="7">
        <v>0</v>
      </c>
      <c r="G25" s="7">
        <v>0</v>
      </c>
      <c r="H25" s="7">
        <v>0</v>
      </c>
      <c r="I25" s="7">
        <v>0</v>
      </c>
    </row>
    <row r="26" spans="1:9" x14ac:dyDescent="0.25">
      <c r="A26" s="2" t="s">
        <v>45</v>
      </c>
      <c r="B26" s="4" t="s">
        <v>1123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</row>
    <row r="27" spans="1:9" x14ac:dyDescent="0.25">
      <c r="A27" s="3" t="s">
        <v>47</v>
      </c>
      <c r="B27" s="5" t="s">
        <v>1129</v>
      </c>
      <c r="C27" s="6">
        <v>0</v>
      </c>
      <c r="D27" s="6">
        <v>0</v>
      </c>
      <c r="E27" s="6">
        <v>0</v>
      </c>
      <c r="F27" s="6">
        <v>0</v>
      </c>
      <c r="G27" s="6">
        <v>0</v>
      </c>
      <c r="H27" s="6">
        <v>0</v>
      </c>
      <c r="I27" s="6">
        <v>0</v>
      </c>
    </row>
    <row r="28" spans="1:9" x14ac:dyDescent="0.25">
      <c r="A28" s="2" t="s">
        <v>49</v>
      </c>
      <c r="B28" s="4" t="s">
        <v>1130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</row>
    <row r="29" spans="1:9" x14ac:dyDescent="0.25">
      <c r="A29" s="2" t="s">
        <v>51</v>
      </c>
      <c r="B29" s="4" t="s">
        <v>1123</v>
      </c>
      <c r="C29" s="7">
        <v>0</v>
      </c>
      <c r="D29" s="7">
        <v>0</v>
      </c>
      <c r="E29" s="7">
        <v>0</v>
      </c>
      <c r="F29" s="7">
        <v>0</v>
      </c>
      <c r="G29" s="7">
        <v>0</v>
      </c>
      <c r="H29" s="7">
        <v>0</v>
      </c>
      <c r="I29" s="7">
        <v>0</v>
      </c>
    </row>
    <row r="30" spans="1:9" x14ac:dyDescent="0.25">
      <c r="A30" s="3" t="s">
        <v>53</v>
      </c>
      <c r="B30" s="5" t="s">
        <v>1131</v>
      </c>
      <c r="C30" s="6">
        <v>0</v>
      </c>
      <c r="D30" s="6">
        <v>0</v>
      </c>
      <c r="E30" s="6">
        <v>0</v>
      </c>
      <c r="F30" s="6">
        <v>0</v>
      </c>
      <c r="G30" s="6">
        <v>0</v>
      </c>
      <c r="H30" s="6">
        <v>0</v>
      </c>
      <c r="I30" s="6">
        <v>0</v>
      </c>
    </row>
    <row r="31" spans="1:9" x14ac:dyDescent="0.25">
      <c r="A31" s="2" t="s">
        <v>55</v>
      </c>
      <c r="B31" s="4" t="s">
        <v>1122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</row>
    <row r="32" spans="1:9" x14ac:dyDescent="0.25">
      <c r="A32" s="2" t="s">
        <v>57</v>
      </c>
      <c r="B32" s="4" t="s">
        <v>1123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</row>
    <row r="33" spans="1:9" x14ac:dyDescent="0.25">
      <c r="A33" s="3" t="s">
        <v>59</v>
      </c>
      <c r="B33" s="5" t="s">
        <v>1132</v>
      </c>
      <c r="C33" s="6">
        <v>1245583.6499999999</v>
      </c>
      <c r="D33" s="6">
        <v>1245583.6499999999</v>
      </c>
      <c r="E33" s="6">
        <v>100</v>
      </c>
      <c r="F33" s="6">
        <v>1245583.6499999999</v>
      </c>
      <c r="G33" s="6">
        <v>100</v>
      </c>
      <c r="H33" s="6">
        <v>1245583.6499999999</v>
      </c>
      <c r="I33" s="6">
        <v>100</v>
      </c>
    </row>
    <row r="35" spans="1:9" x14ac:dyDescent="0.25">
      <c r="A35" s="8" t="s">
        <v>6</v>
      </c>
      <c r="B35" s="8" t="s">
        <v>1133</v>
      </c>
      <c r="C35" s="8" t="s">
        <v>1027</v>
      </c>
      <c r="D35" s="8" t="s">
        <v>1028</v>
      </c>
      <c r="E35" s="8" t="s">
        <v>1029</v>
      </c>
    </row>
    <row r="36" spans="1:9" x14ac:dyDescent="0.25">
      <c r="A36" s="8" t="s">
        <v>7</v>
      </c>
      <c r="B36" s="8" t="s">
        <v>7</v>
      </c>
      <c r="C36" s="8" t="s">
        <v>7</v>
      </c>
      <c r="D36" s="8" t="s">
        <v>7</v>
      </c>
      <c r="E36" s="8" t="s">
        <v>7</v>
      </c>
    </row>
    <row r="37" spans="1:9" x14ac:dyDescent="0.25">
      <c r="A37" s="2" t="s">
        <v>61</v>
      </c>
      <c r="B37" s="4" t="s">
        <v>1134</v>
      </c>
      <c r="C37" s="7">
        <v>0</v>
      </c>
      <c r="D37" s="7">
        <v>0</v>
      </c>
      <c r="E37" s="7">
        <v>0</v>
      </c>
    </row>
    <row r="38" spans="1:9" x14ac:dyDescent="0.25">
      <c r="A38" s="2" t="s">
        <v>63</v>
      </c>
      <c r="B38" s="4" t="s">
        <v>1135</v>
      </c>
      <c r="C38" s="7">
        <v>0</v>
      </c>
      <c r="D38" s="7">
        <v>0</v>
      </c>
      <c r="E38" s="7">
        <v>0</v>
      </c>
    </row>
    <row r="39" spans="1:9" x14ac:dyDescent="0.25">
      <c r="A39" s="2" t="s">
        <v>65</v>
      </c>
      <c r="B39" s="4" t="s">
        <v>1136</v>
      </c>
      <c r="C39" s="7">
        <v>0</v>
      </c>
      <c r="D39" s="7">
        <v>0</v>
      </c>
      <c r="E39" s="7">
        <v>0</v>
      </c>
    </row>
    <row r="40" spans="1:9" x14ac:dyDescent="0.25">
      <c r="A40" s="2" t="s">
        <v>67</v>
      </c>
      <c r="B40" s="4" t="s">
        <v>1137</v>
      </c>
      <c r="C40" s="7">
        <v>0</v>
      </c>
      <c r="D40" s="7">
        <v>0</v>
      </c>
      <c r="E40" s="7">
        <v>0</v>
      </c>
    </row>
  </sheetData>
  <mergeCells count="17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E10"/>
    <mergeCell ref="F10:G10"/>
    <mergeCell ref="H10:I10"/>
    <mergeCell ref="A35:A36"/>
    <mergeCell ref="B35:B36"/>
    <mergeCell ref="C35:C36"/>
    <mergeCell ref="D35:D36"/>
    <mergeCell ref="E35:E36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topLeftCell="A22" workbookViewId="0">
      <selection activeCell="D33" sqref="D33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1138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1139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1140</v>
      </c>
      <c r="C10" s="8" t="s">
        <v>1141</v>
      </c>
      <c r="D10" s="8" t="s">
        <v>1142</v>
      </c>
      <c r="E10" s="8" t="s">
        <v>1142</v>
      </c>
    </row>
    <row r="11" spans="1:13" ht="21" x14ac:dyDescent="0.25">
      <c r="A11" s="8" t="s">
        <v>7</v>
      </c>
      <c r="B11" s="8" t="s">
        <v>7</v>
      </c>
      <c r="C11" s="8" t="s">
        <v>7</v>
      </c>
      <c r="D11" s="1" t="s">
        <v>169</v>
      </c>
      <c r="E11" s="1" t="s">
        <v>1143</v>
      </c>
    </row>
    <row r="12" spans="1:13" x14ac:dyDescent="0.25">
      <c r="A12" s="3" t="s">
        <v>17</v>
      </c>
      <c r="B12" s="5" t="s">
        <v>1144</v>
      </c>
      <c r="C12" s="6">
        <v>0</v>
      </c>
      <c r="D12" s="6">
        <v>0</v>
      </c>
      <c r="E12" s="6">
        <v>0</v>
      </c>
    </row>
    <row r="13" spans="1:13" x14ac:dyDescent="0.25">
      <c r="A13" s="2" t="s">
        <v>19</v>
      </c>
      <c r="B13" s="4" t="s">
        <v>1145</v>
      </c>
      <c r="C13" s="7">
        <v>0</v>
      </c>
      <c r="D13" s="7">
        <v>0</v>
      </c>
      <c r="E13" s="7">
        <v>0</v>
      </c>
    </row>
    <row r="14" spans="1:13" x14ac:dyDescent="0.25">
      <c r="A14" s="3" t="s">
        <v>21</v>
      </c>
      <c r="B14" s="5" t="s">
        <v>1146</v>
      </c>
      <c r="C14" s="6">
        <v>0</v>
      </c>
      <c r="D14" s="6">
        <v>0</v>
      </c>
      <c r="E14" s="6">
        <v>0</v>
      </c>
    </row>
    <row r="15" spans="1:13" x14ac:dyDescent="0.25">
      <c r="A15" s="2" t="s">
        <v>23</v>
      </c>
      <c r="B15" s="4" t="s">
        <v>1147</v>
      </c>
      <c r="C15" s="7">
        <v>0</v>
      </c>
      <c r="D15" s="7">
        <v>0</v>
      </c>
      <c r="E15" s="7">
        <v>0</v>
      </c>
    </row>
    <row r="16" spans="1:13" x14ac:dyDescent="0.25">
      <c r="A16" s="2" t="s">
        <v>25</v>
      </c>
      <c r="B16" s="4" t="s">
        <v>1148</v>
      </c>
      <c r="C16" s="7">
        <v>0</v>
      </c>
      <c r="D16" s="7">
        <v>0</v>
      </c>
      <c r="E16" s="7">
        <v>0</v>
      </c>
    </row>
    <row r="17" spans="1:13" x14ac:dyDescent="0.25">
      <c r="A17" s="2" t="s">
        <v>27</v>
      </c>
      <c r="B17" s="4" t="s">
        <v>1149</v>
      </c>
      <c r="C17" s="7">
        <v>0</v>
      </c>
      <c r="D17" s="7">
        <v>0</v>
      </c>
      <c r="E17" s="7">
        <v>0</v>
      </c>
    </row>
    <row r="18" spans="1:13" x14ac:dyDescent="0.25">
      <c r="A18" s="3" t="s">
        <v>29</v>
      </c>
      <c r="B18" s="5" t="s">
        <v>1150</v>
      </c>
      <c r="C18" s="6">
        <v>0</v>
      </c>
      <c r="D18" s="6">
        <v>0</v>
      </c>
      <c r="E18" s="6">
        <v>0</v>
      </c>
    </row>
    <row r="19" spans="1:13" x14ac:dyDescent="0.25">
      <c r="A19" s="2" t="s">
        <v>31</v>
      </c>
      <c r="B19" s="4" t="s">
        <v>1151</v>
      </c>
      <c r="C19" s="7">
        <v>0</v>
      </c>
      <c r="D19" s="7">
        <v>0</v>
      </c>
      <c r="E19" s="7">
        <v>0</v>
      </c>
    </row>
    <row r="20" spans="1:13" x14ac:dyDescent="0.25">
      <c r="A20" s="2" t="s">
        <v>33</v>
      </c>
      <c r="B20" s="4" t="s">
        <v>1152</v>
      </c>
      <c r="C20" s="7">
        <v>0</v>
      </c>
      <c r="D20" s="7">
        <v>0</v>
      </c>
      <c r="E20" s="7">
        <v>0</v>
      </c>
    </row>
    <row r="21" spans="1:13" x14ac:dyDescent="0.25">
      <c r="A21" s="2" t="s">
        <v>35</v>
      </c>
      <c r="B21" s="4" t="s">
        <v>1153</v>
      </c>
      <c r="C21" s="7">
        <v>0</v>
      </c>
      <c r="D21" s="7">
        <v>0</v>
      </c>
      <c r="E21" s="7">
        <v>0</v>
      </c>
    </row>
    <row r="22" spans="1:13" x14ac:dyDescent="0.25">
      <c r="A22" s="2" t="s">
        <v>37</v>
      </c>
      <c r="B22" s="4" t="s">
        <v>1154</v>
      </c>
      <c r="C22" s="7">
        <v>0</v>
      </c>
      <c r="D22" s="7">
        <v>0</v>
      </c>
      <c r="E22" s="7">
        <v>0</v>
      </c>
    </row>
    <row r="24" spans="1:13" x14ac:dyDescent="0.25">
      <c r="A24" s="8" t="s">
        <v>6</v>
      </c>
      <c r="B24" s="8" t="s">
        <v>1155</v>
      </c>
      <c r="C24" s="8" t="s">
        <v>1156</v>
      </c>
      <c r="D24" s="8" t="s">
        <v>1157</v>
      </c>
      <c r="E24" s="8" t="s">
        <v>1158</v>
      </c>
      <c r="F24" s="8" t="s">
        <v>1159</v>
      </c>
      <c r="G24" s="8" t="s">
        <v>1160</v>
      </c>
      <c r="H24" s="8" t="s">
        <v>1161</v>
      </c>
      <c r="I24" s="8" t="s">
        <v>1162</v>
      </c>
      <c r="J24" s="8" t="s">
        <v>1163</v>
      </c>
      <c r="K24" s="8" t="s">
        <v>1164</v>
      </c>
      <c r="L24" s="8" t="s">
        <v>1165</v>
      </c>
      <c r="M24" s="8" t="s">
        <v>1166</v>
      </c>
    </row>
    <row r="25" spans="1:13" x14ac:dyDescent="0.25">
      <c r="A25" s="8" t="s">
        <v>7</v>
      </c>
      <c r="B25" s="8" t="s">
        <v>7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5">
      <c r="A26" s="3" t="s">
        <v>39</v>
      </c>
      <c r="B26" s="5" t="s">
        <v>1167</v>
      </c>
      <c r="C26" s="6">
        <v>0</v>
      </c>
      <c r="D26" s="6">
        <v>0</v>
      </c>
      <c r="E26" s="6">
        <v>0</v>
      </c>
      <c r="F26" s="6">
        <v>0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0</v>
      </c>
      <c r="M26" s="6">
        <v>0</v>
      </c>
    </row>
    <row r="27" spans="1:13" x14ac:dyDescent="0.25">
      <c r="A27" s="2" t="s">
        <v>41</v>
      </c>
      <c r="B27" s="4" t="s">
        <v>1168</v>
      </c>
      <c r="C27" s="7">
        <v>0</v>
      </c>
      <c r="D27" s="7">
        <v>0</v>
      </c>
      <c r="E27" s="7">
        <v>0</v>
      </c>
      <c r="F27" s="7">
        <v>0</v>
      </c>
      <c r="G27" s="7">
        <v>0</v>
      </c>
      <c r="H27" s="7">
        <v>0</v>
      </c>
      <c r="I27" s="7">
        <v>0</v>
      </c>
      <c r="J27" s="7">
        <v>0</v>
      </c>
      <c r="K27" s="7">
        <v>0</v>
      </c>
      <c r="L27" s="7">
        <v>0</v>
      </c>
      <c r="M27" s="7">
        <v>0</v>
      </c>
    </row>
    <row r="28" spans="1:13" x14ac:dyDescent="0.25">
      <c r="A28" s="2" t="s">
        <v>43</v>
      </c>
      <c r="B28" s="4" t="s">
        <v>1169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</row>
    <row r="29" spans="1:13" x14ac:dyDescent="0.25">
      <c r="A29" s="3" t="s">
        <v>45</v>
      </c>
      <c r="B29" s="5" t="s">
        <v>1170</v>
      </c>
      <c r="C29" s="6">
        <v>0</v>
      </c>
      <c r="D29" s="6">
        <v>0</v>
      </c>
      <c r="E29" s="6">
        <v>0</v>
      </c>
      <c r="F29" s="6">
        <v>0</v>
      </c>
      <c r="G29" s="6">
        <v>0</v>
      </c>
      <c r="H29" s="6">
        <v>0</v>
      </c>
      <c r="I29" s="6">
        <v>0</v>
      </c>
      <c r="J29" s="6">
        <v>0</v>
      </c>
      <c r="K29" s="6">
        <v>0</v>
      </c>
      <c r="L29" s="6">
        <v>0</v>
      </c>
      <c r="M29" s="6">
        <v>0</v>
      </c>
    </row>
    <row r="30" spans="1:13" x14ac:dyDescent="0.25">
      <c r="A30" s="2" t="s">
        <v>47</v>
      </c>
      <c r="B30" s="4" t="s">
        <v>1171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</row>
    <row r="31" spans="1:13" x14ac:dyDescent="0.25">
      <c r="A31" s="2" t="s">
        <v>49</v>
      </c>
      <c r="B31" s="4" t="s">
        <v>1172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</row>
    <row r="32" spans="1:13" x14ac:dyDescent="0.25">
      <c r="A32" s="3" t="s">
        <v>51</v>
      </c>
      <c r="B32" s="5" t="s">
        <v>1173</v>
      </c>
      <c r="C32" s="6">
        <v>0</v>
      </c>
      <c r="D32" s="6">
        <v>0</v>
      </c>
      <c r="E32" s="6">
        <v>0</v>
      </c>
      <c r="F32" s="6">
        <v>0</v>
      </c>
      <c r="G32" s="6">
        <v>0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</row>
    <row r="33" spans="1:13" x14ac:dyDescent="0.25">
      <c r="A33" s="2" t="s">
        <v>53</v>
      </c>
      <c r="B33" s="4" t="s">
        <v>1174</v>
      </c>
      <c r="C33" s="7">
        <v>14070824317.809999</v>
      </c>
      <c r="D33" s="7">
        <v>15166101059.58</v>
      </c>
      <c r="E33" s="7">
        <v>0</v>
      </c>
      <c r="F33" s="7">
        <v>0</v>
      </c>
      <c r="G33" s="7">
        <v>0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</row>
    <row r="34" spans="1:13" x14ac:dyDescent="0.25">
      <c r="A34" s="2" t="s">
        <v>55</v>
      </c>
      <c r="B34" s="4" t="s">
        <v>1175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</row>
    <row r="35" spans="1:13" x14ac:dyDescent="0.25">
      <c r="A35" s="2" t="s">
        <v>57</v>
      </c>
      <c r="B35" s="4" t="s">
        <v>1176</v>
      </c>
      <c r="C35" s="7">
        <v>0</v>
      </c>
      <c r="D35" s="7">
        <v>0</v>
      </c>
      <c r="E35" s="7">
        <v>0</v>
      </c>
      <c r="F35" s="7">
        <v>0</v>
      </c>
      <c r="G35" s="7">
        <v>0</v>
      </c>
      <c r="H35" s="7">
        <v>0</v>
      </c>
      <c r="I35" s="7">
        <v>0</v>
      </c>
      <c r="J35" s="7">
        <v>0</v>
      </c>
      <c r="K35" s="7">
        <v>0</v>
      </c>
      <c r="L35" s="7">
        <v>0</v>
      </c>
      <c r="M35" s="7">
        <v>0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opLeftCell="A28" workbookViewId="0">
      <selection activeCell="C101" sqref="C101:E101"/>
    </sheetView>
  </sheetViews>
  <sheetFormatPr defaultRowHeight="15" x14ac:dyDescent="0.25"/>
  <cols>
    <col min="1" max="1" width="2.7109375" bestFit="1" customWidth="1"/>
    <col min="2" max="2" width="80.28515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1177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1178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2</v>
      </c>
      <c r="C10" s="8" t="s">
        <v>1143</v>
      </c>
    </row>
    <row r="11" spans="1:6" x14ac:dyDescent="0.25">
      <c r="A11" s="8" t="s">
        <v>7</v>
      </c>
      <c r="B11" s="8" t="s">
        <v>7</v>
      </c>
      <c r="C11" s="8" t="s">
        <v>7</v>
      </c>
    </row>
    <row r="12" spans="1:6" x14ac:dyDescent="0.25">
      <c r="A12" s="2" t="s">
        <v>17</v>
      </c>
      <c r="B12" s="4" t="s">
        <v>8</v>
      </c>
      <c r="C12" s="7">
        <v>0</v>
      </c>
    </row>
    <row r="13" spans="1:6" x14ac:dyDescent="0.25">
      <c r="A13" s="2" t="s">
        <v>19</v>
      </c>
      <c r="B13" s="4" t="s">
        <v>1179</v>
      </c>
      <c r="C13" s="7">
        <v>16823704500</v>
      </c>
    </row>
    <row r="14" spans="1:6" x14ac:dyDescent="0.25">
      <c r="A14" s="2" t="s">
        <v>21</v>
      </c>
      <c r="B14" s="4" t="s">
        <v>1180</v>
      </c>
      <c r="C14" s="7">
        <v>17046073773</v>
      </c>
    </row>
    <row r="15" spans="1:6" x14ac:dyDescent="0.25">
      <c r="A15" s="2" t="s">
        <v>23</v>
      </c>
      <c r="B15" s="4" t="s">
        <v>1181</v>
      </c>
      <c r="C15" s="7">
        <v>9111336094.1900005</v>
      </c>
    </row>
    <row r="16" spans="1:6" x14ac:dyDescent="0.25">
      <c r="A16" s="2" t="s">
        <v>25</v>
      </c>
      <c r="B16" s="4" t="s">
        <v>1182</v>
      </c>
      <c r="C16" s="7">
        <v>0</v>
      </c>
    </row>
    <row r="17" spans="1:3" x14ac:dyDescent="0.25">
      <c r="A17" s="2" t="s">
        <v>27</v>
      </c>
      <c r="B17" s="4" t="s">
        <v>1183</v>
      </c>
      <c r="C17" s="7">
        <v>891137280.29999995</v>
      </c>
    </row>
    <row r="18" spans="1:3" x14ac:dyDescent="0.25">
      <c r="A18" s="2" t="s">
        <v>29</v>
      </c>
      <c r="B18" s="4" t="s">
        <v>165</v>
      </c>
      <c r="C18" s="7">
        <v>0</v>
      </c>
    </row>
    <row r="19" spans="1:3" x14ac:dyDescent="0.25">
      <c r="A19" s="2" t="s">
        <v>31</v>
      </c>
      <c r="B19" s="4" t="s">
        <v>1184</v>
      </c>
      <c r="C19" s="7">
        <v>16823704500</v>
      </c>
    </row>
    <row r="20" spans="1:3" x14ac:dyDescent="0.25">
      <c r="A20" s="2" t="s">
        <v>33</v>
      </c>
      <c r="B20" s="4" t="s">
        <v>1185</v>
      </c>
      <c r="C20" s="7">
        <v>17937211053.299999</v>
      </c>
    </row>
    <row r="21" spans="1:3" x14ac:dyDescent="0.25">
      <c r="A21" s="2" t="s">
        <v>35</v>
      </c>
      <c r="B21" s="4" t="s">
        <v>1186</v>
      </c>
      <c r="C21" s="7">
        <v>9745558676.9699993</v>
      </c>
    </row>
    <row r="22" spans="1:3" x14ac:dyDescent="0.25">
      <c r="A22" s="2" t="s">
        <v>37</v>
      </c>
      <c r="B22" s="4" t="s">
        <v>1187</v>
      </c>
      <c r="C22" s="7">
        <v>7830786456.4799995</v>
      </c>
    </row>
    <row r="23" spans="1:3" x14ac:dyDescent="0.25">
      <c r="A23" s="2" t="s">
        <v>39</v>
      </c>
      <c r="B23" s="4" t="s">
        <v>1188</v>
      </c>
      <c r="C23" s="7">
        <v>7215076878.6599998</v>
      </c>
    </row>
    <row r="24" spans="1:3" x14ac:dyDescent="0.25">
      <c r="A24" s="2" t="s">
        <v>41</v>
      </c>
      <c r="B24" s="4" t="s">
        <v>1189</v>
      </c>
      <c r="C24" s="7">
        <v>1280549637.71</v>
      </c>
    </row>
    <row r="26" spans="1:3" x14ac:dyDescent="0.25">
      <c r="A26" s="8" t="s">
        <v>6</v>
      </c>
      <c r="B26" s="8" t="s">
        <v>1190</v>
      </c>
      <c r="C26" s="8" t="s">
        <v>1143</v>
      </c>
    </row>
    <row r="27" spans="1:3" x14ac:dyDescent="0.25">
      <c r="A27" s="8" t="s">
        <v>7</v>
      </c>
      <c r="B27" s="8" t="s">
        <v>7</v>
      </c>
      <c r="C27" s="8" t="s">
        <v>7</v>
      </c>
    </row>
    <row r="28" spans="1:3" x14ac:dyDescent="0.25">
      <c r="A28" s="2" t="s">
        <v>43</v>
      </c>
      <c r="B28" s="4" t="s">
        <v>168</v>
      </c>
      <c r="C28" s="7">
        <v>9745558676.9699993</v>
      </c>
    </row>
    <row r="29" spans="1:3" x14ac:dyDescent="0.25">
      <c r="A29" s="2" t="s">
        <v>45</v>
      </c>
      <c r="B29" s="4" t="s">
        <v>172</v>
      </c>
      <c r="C29" s="7">
        <v>7830786456.4799995</v>
      </c>
    </row>
    <row r="31" spans="1:3" x14ac:dyDescent="0.25">
      <c r="A31" s="8" t="s">
        <v>6</v>
      </c>
      <c r="B31" s="8" t="s">
        <v>1191</v>
      </c>
      <c r="C31" s="8" t="s">
        <v>1143</v>
      </c>
    </row>
    <row r="32" spans="1:3" x14ac:dyDescent="0.25">
      <c r="A32" s="8" t="s">
        <v>7</v>
      </c>
      <c r="B32" s="8" t="s">
        <v>7</v>
      </c>
      <c r="C32" s="8" t="s">
        <v>7</v>
      </c>
    </row>
    <row r="33" spans="1:3" x14ac:dyDescent="0.25">
      <c r="A33" s="2" t="s">
        <v>47</v>
      </c>
      <c r="B33" s="4" t="s">
        <v>1192</v>
      </c>
      <c r="C33" s="7">
        <v>15166101059.58</v>
      </c>
    </row>
    <row r="34" spans="1:3" x14ac:dyDescent="0.25">
      <c r="A34" s="2" t="s">
        <v>49</v>
      </c>
      <c r="B34" s="4" t="s">
        <v>1193</v>
      </c>
      <c r="C34" s="7">
        <v>15166101059.58</v>
      </c>
    </row>
    <row r="35" spans="1:3" x14ac:dyDescent="0.25">
      <c r="A35" s="2" t="s">
        <v>51</v>
      </c>
      <c r="B35" s="4" t="s">
        <v>1194</v>
      </c>
      <c r="C35" s="7">
        <v>15167691513.58</v>
      </c>
    </row>
    <row r="37" spans="1:3" x14ac:dyDescent="0.25">
      <c r="A37" s="8" t="s">
        <v>6</v>
      </c>
      <c r="B37" s="8" t="s">
        <v>1195</v>
      </c>
      <c r="C37" s="8" t="s">
        <v>1143</v>
      </c>
    </row>
    <row r="38" spans="1:3" x14ac:dyDescent="0.25">
      <c r="A38" s="8" t="s">
        <v>7</v>
      </c>
      <c r="B38" s="8" t="s">
        <v>7</v>
      </c>
      <c r="C38" s="8" t="s">
        <v>7</v>
      </c>
    </row>
    <row r="39" spans="1:3" x14ac:dyDescent="0.25">
      <c r="A39" s="2" t="s">
        <v>53</v>
      </c>
      <c r="B39" s="4" t="s">
        <v>1196</v>
      </c>
      <c r="C39" s="7">
        <v>0</v>
      </c>
    </row>
    <row r="40" spans="1:3" x14ac:dyDescent="0.25">
      <c r="A40" s="2" t="s">
        <v>55</v>
      </c>
      <c r="B40" s="4" t="s">
        <v>1197</v>
      </c>
      <c r="C40" s="7">
        <v>1300722093.8299999</v>
      </c>
    </row>
    <row r="41" spans="1:3" x14ac:dyDescent="0.25">
      <c r="A41" s="2" t="s">
        <v>57</v>
      </c>
      <c r="B41" s="4" t="s">
        <v>1198</v>
      </c>
      <c r="C41" s="7">
        <v>1520978943.3499999</v>
      </c>
    </row>
    <row r="42" spans="1:3" x14ac:dyDescent="0.25">
      <c r="A42" s="2" t="s">
        <v>59</v>
      </c>
      <c r="B42" s="4" t="s">
        <v>1199</v>
      </c>
      <c r="C42" s="7">
        <v>1399216987.97</v>
      </c>
    </row>
    <row r="43" spans="1:3" x14ac:dyDescent="0.25">
      <c r="A43" s="2" t="s">
        <v>61</v>
      </c>
      <c r="B43" s="4" t="s">
        <v>1200</v>
      </c>
      <c r="C43" s="7">
        <v>-98494894.140000001</v>
      </c>
    </row>
    <row r="44" spans="1:3" x14ac:dyDescent="0.25">
      <c r="A44" s="2" t="s">
        <v>63</v>
      </c>
      <c r="B44" s="4" t="s">
        <v>1201</v>
      </c>
      <c r="C44" s="7">
        <v>0</v>
      </c>
    </row>
    <row r="45" spans="1:3" x14ac:dyDescent="0.25">
      <c r="A45" s="2" t="s">
        <v>65</v>
      </c>
      <c r="B45" s="4" t="s">
        <v>1197</v>
      </c>
      <c r="C45" s="7">
        <v>0</v>
      </c>
    </row>
    <row r="46" spans="1:3" x14ac:dyDescent="0.25">
      <c r="A46" s="2" t="s">
        <v>67</v>
      </c>
      <c r="B46" s="4" t="s">
        <v>1198</v>
      </c>
      <c r="C46" s="7">
        <v>0</v>
      </c>
    </row>
    <row r="47" spans="1:3" x14ac:dyDescent="0.25">
      <c r="A47" s="2" t="s">
        <v>69</v>
      </c>
      <c r="B47" s="4" t="s">
        <v>1199</v>
      </c>
      <c r="C47" s="7">
        <v>0</v>
      </c>
    </row>
    <row r="48" spans="1:3" x14ac:dyDescent="0.25">
      <c r="A48" s="2" t="s">
        <v>71</v>
      </c>
      <c r="B48" s="4" t="s">
        <v>1200</v>
      </c>
      <c r="C48" s="7">
        <v>0</v>
      </c>
    </row>
    <row r="50" spans="1:6" x14ac:dyDescent="0.25">
      <c r="A50" s="8" t="s">
        <v>6</v>
      </c>
      <c r="B50" s="8" t="s">
        <v>1202</v>
      </c>
      <c r="C50" s="8" t="s">
        <v>1203</v>
      </c>
      <c r="D50" s="8" t="s">
        <v>1204</v>
      </c>
      <c r="E50" s="8" t="s">
        <v>1205</v>
      </c>
    </row>
    <row r="51" spans="1:6" x14ac:dyDescent="0.25">
      <c r="A51" s="8" t="s">
        <v>7</v>
      </c>
      <c r="B51" s="8" t="s">
        <v>7</v>
      </c>
      <c r="C51" s="8" t="s">
        <v>7</v>
      </c>
      <c r="D51" s="8" t="s">
        <v>7</v>
      </c>
      <c r="E51" s="8" t="s">
        <v>7</v>
      </c>
    </row>
    <row r="52" spans="1:6" x14ac:dyDescent="0.25">
      <c r="A52" s="2" t="s">
        <v>73</v>
      </c>
      <c r="B52" s="4" t="s">
        <v>1206</v>
      </c>
      <c r="C52" s="7">
        <v>958127800</v>
      </c>
      <c r="D52" s="7">
        <v>1708640685.8800001</v>
      </c>
      <c r="E52" s="7">
        <v>178.33</v>
      </c>
    </row>
    <row r="53" spans="1:6" x14ac:dyDescent="0.25">
      <c r="A53" s="2" t="s">
        <v>75</v>
      </c>
      <c r="B53" s="4" t="s">
        <v>1207</v>
      </c>
      <c r="C53" s="7">
        <v>427339100</v>
      </c>
      <c r="D53" s="7">
        <v>1606611926.2</v>
      </c>
      <c r="E53" s="7">
        <v>375.96</v>
      </c>
    </row>
    <row r="55" spans="1:6" x14ac:dyDescent="0.25">
      <c r="A55" s="8" t="s">
        <v>6</v>
      </c>
      <c r="B55" s="8" t="s">
        <v>1208</v>
      </c>
      <c r="C55" s="8" t="s">
        <v>1209</v>
      </c>
      <c r="D55" s="8" t="s">
        <v>1210</v>
      </c>
      <c r="E55" s="8" t="s">
        <v>1211</v>
      </c>
      <c r="F55" s="8" t="s">
        <v>1212</v>
      </c>
    </row>
    <row r="56" spans="1:6" x14ac:dyDescent="0.25">
      <c r="A56" s="8" t="s">
        <v>7</v>
      </c>
      <c r="B56" s="8" t="s">
        <v>7</v>
      </c>
      <c r="C56" s="8" t="s">
        <v>7</v>
      </c>
      <c r="D56" s="8" t="s">
        <v>7</v>
      </c>
      <c r="E56" s="8" t="s">
        <v>7</v>
      </c>
      <c r="F56" s="8" t="s">
        <v>7</v>
      </c>
    </row>
    <row r="57" spans="1:6" x14ac:dyDescent="0.25">
      <c r="A57" s="3" t="s">
        <v>77</v>
      </c>
      <c r="B57" s="5" t="s">
        <v>1213</v>
      </c>
      <c r="C57" s="6">
        <v>398441925.79000002</v>
      </c>
      <c r="D57" s="6">
        <v>1688158.05</v>
      </c>
      <c r="E57" s="6">
        <v>314406602.12</v>
      </c>
      <c r="F57" s="6">
        <v>82347165.620000005</v>
      </c>
    </row>
    <row r="58" spans="1:6" x14ac:dyDescent="0.25">
      <c r="A58" s="2" t="s">
        <v>79</v>
      </c>
      <c r="B58" s="4" t="s">
        <v>1214</v>
      </c>
      <c r="C58" s="7">
        <v>302273866.56999999</v>
      </c>
      <c r="D58" s="7">
        <v>1568314.69</v>
      </c>
      <c r="E58" s="7">
        <v>224290970.62</v>
      </c>
      <c r="F58" s="7">
        <v>76414581.260000005</v>
      </c>
    </row>
    <row r="59" spans="1:6" x14ac:dyDescent="0.25">
      <c r="A59" s="2" t="s">
        <v>81</v>
      </c>
      <c r="B59" s="4" t="s">
        <v>1215</v>
      </c>
      <c r="C59" s="7">
        <v>14746964.82</v>
      </c>
      <c r="D59" s="7">
        <v>7722.51</v>
      </c>
      <c r="E59" s="7">
        <v>14739242.310000001</v>
      </c>
      <c r="F59" s="7">
        <v>0</v>
      </c>
    </row>
    <row r="60" spans="1:6" x14ac:dyDescent="0.25">
      <c r="A60" s="2" t="s">
        <v>83</v>
      </c>
      <c r="B60" s="4" t="s">
        <v>1216</v>
      </c>
      <c r="C60" s="7">
        <v>60108270.340000004</v>
      </c>
      <c r="D60" s="7">
        <v>112120.85</v>
      </c>
      <c r="E60" s="7">
        <v>59996094.509999998</v>
      </c>
      <c r="F60" s="7">
        <v>54.98</v>
      </c>
    </row>
    <row r="61" spans="1:6" x14ac:dyDescent="0.25">
      <c r="A61" s="2" t="s">
        <v>85</v>
      </c>
      <c r="B61" s="4" t="s">
        <v>1217</v>
      </c>
      <c r="C61" s="7">
        <v>18638673.329999998</v>
      </c>
      <c r="D61" s="7">
        <v>0</v>
      </c>
      <c r="E61" s="7">
        <v>12706143.949999999</v>
      </c>
      <c r="F61" s="7">
        <v>5932529.3799999999</v>
      </c>
    </row>
    <row r="62" spans="1:6" x14ac:dyDescent="0.25">
      <c r="A62" s="2" t="s">
        <v>87</v>
      </c>
      <c r="B62" s="4" t="s">
        <v>1218</v>
      </c>
      <c r="C62" s="7">
        <v>2674150.73</v>
      </c>
      <c r="D62" s="7">
        <v>0</v>
      </c>
      <c r="E62" s="7">
        <v>2674150.73</v>
      </c>
      <c r="F62" s="7">
        <v>0</v>
      </c>
    </row>
    <row r="63" spans="1:6" x14ac:dyDescent="0.25">
      <c r="A63" s="3" t="s">
        <v>89</v>
      </c>
      <c r="B63" s="5" t="s">
        <v>1219</v>
      </c>
      <c r="C63" s="6">
        <v>345665396.98000002</v>
      </c>
      <c r="D63" s="6">
        <v>34147819.799999997</v>
      </c>
      <c r="E63" s="6">
        <v>164653557.33000001</v>
      </c>
      <c r="F63" s="6">
        <v>146864019.84999999</v>
      </c>
    </row>
    <row r="64" spans="1:6" x14ac:dyDescent="0.25">
      <c r="A64" s="2" t="s">
        <v>91</v>
      </c>
      <c r="B64" s="4" t="s">
        <v>1214</v>
      </c>
      <c r="C64" s="7">
        <v>283773431.10000002</v>
      </c>
      <c r="D64" s="7">
        <v>22030328.539999999</v>
      </c>
      <c r="E64" s="7">
        <v>130918822.63</v>
      </c>
      <c r="F64" s="7">
        <v>130824279.93000001</v>
      </c>
    </row>
    <row r="65" spans="1:6" x14ac:dyDescent="0.25">
      <c r="A65" s="2" t="s">
        <v>93</v>
      </c>
      <c r="B65" s="4" t="s">
        <v>1215</v>
      </c>
      <c r="C65" s="7">
        <v>15185210.460000001</v>
      </c>
      <c r="D65" s="7">
        <v>1306890.52</v>
      </c>
      <c r="E65" s="7">
        <v>9434733.6600000001</v>
      </c>
      <c r="F65" s="7">
        <v>4443586.28</v>
      </c>
    </row>
    <row r="66" spans="1:6" x14ac:dyDescent="0.25">
      <c r="A66" s="2" t="s">
        <v>95</v>
      </c>
      <c r="B66" s="4" t="s">
        <v>1216</v>
      </c>
      <c r="C66" s="7">
        <v>21872459.469999999</v>
      </c>
      <c r="D66" s="7">
        <v>9654844.5899999999</v>
      </c>
      <c r="E66" s="7">
        <v>11857799.74</v>
      </c>
      <c r="F66" s="7">
        <v>359815.14</v>
      </c>
    </row>
    <row r="67" spans="1:6" x14ac:dyDescent="0.25">
      <c r="A67" s="2" t="s">
        <v>97</v>
      </c>
      <c r="B67" s="4" t="s">
        <v>1217</v>
      </c>
      <c r="C67" s="7">
        <v>21431846.760000002</v>
      </c>
      <c r="D67" s="7">
        <v>410237.58</v>
      </c>
      <c r="E67" s="7">
        <v>9850252.6500000004</v>
      </c>
      <c r="F67" s="7">
        <v>11171356.529999999</v>
      </c>
    </row>
    <row r="68" spans="1:6" x14ac:dyDescent="0.25">
      <c r="A68" s="2" t="s">
        <v>99</v>
      </c>
      <c r="B68" s="4" t="s">
        <v>1218</v>
      </c>
      <c r="C68" s="7">
        <v>3402449.19</v>
      </c>
      <c r="D68" s="7">
        <v>745518.57</v>
      </c>
      <c r="E68" s="7">
        <v>2591948.65</v>
      </c>
      <c r="F68" s="7">
        <v>64981.97</v>
      </c>
    </row>
    <row r="69" spans="1:6" x14ac:dyDescent="0.25">
      <c r="A69" s="3" t="s">
        <v>101</v>
      </c>
      <c r="B69" s="5" t="s">
        <v>1220</v>
      </c>
      <c r="C69" s="6">
        <v>744107322.76999998</v>
      </c>
      <c r="D69" s="6">
        <v>35835977.850000001</v>
      </c>
      <c r="E69" s="6">
        <v>479060159.44999999</v>
      </c>
      <c r="F69" s="6">
        <v>229211185.47</v>
      </c>
    </row>
    <row r="71" spans="1:6" x14ac:dyDescent="0.25">
      <c r="A71" s="8" t="s">
        <v>6</v>
      </c>
      <c r="B71" s="8" t="s">
        <v>1221</v>
      </c>
      <c r="C71" s="8" t="s">
        <v>1222</v>
      </c>
      <c r="D71" s="8" t="s">
        <v>1223</v>
      </c>
      <c r="E71" s="8" t="s">
        <v>1223</v>
      </c>
    </row>
    <row r="72" spans="1:6" ht="21" x14ac:dyDescent="0.25">
      <c r="A72" s="8" t="s">
        <v>7</v>
      </c>
      <c r="B72" s="8" t="s">
        <v>7</v>
      </c>
      <c r="C72" s="8" t="s">
        <v>7</v>
      </c>
      <c r="D72" s="1" t="s">
        <v>1224</v>
      </c>
      <c r="E72" s="1" t="s">
        <v>1225</v>
      </c>
    </row>
    <row r="73" spans="1:6" x14ac:dyDescent="0.25">
      <c r="A73" s="2" t="s">
        <v>103</v>
      </c>
      <c r="B73" s="4" t="s">
        <v>1226</v>
      </c>
      <c r="C73" s="7">
        <v>1695498981.4100001</v>
      </c>
      <c r="D73" s="7">
        <v>25</v>
      </c>
      <c r="E73" s="7">
        <v>26.55</v>
      </c>
    </row>
    <row r="74" spans="1:6" x14ac:dyDescent="0.25">
      <c r="A74" s="2" t="s">
        <v>105</v>
      </c>
      <c r="B74" s="4" t="s">
        <v>1227</v>
      </c>
      <c r="C74" s="7">
        <v>608261779.71000004</v>
      </c>
      <c r="D74" s="7">
        <v>70</v>
      </c>
      <c r="E74" s="7">
        <v>90.54</v>
      </c>
    </row>
    <row r="75" spans="1:6" x14ac:dyDescent="0.25">
      <c r="A75" s="2" t="s">
        <v>107</v>
      </c>
      <c r="B75" s="4" t="s">
        <v>1228</v>
      </c>
      <c r="C75" s="7">
        <v>0</v>
      </c>
      <c r="D75" s="7">
        <v>50</v>
      </c>
      <c r="E75" s="7">
        <v>0</v>
      </c>
    </row>
    <row r="76" spans="1:6" x14ac:dyDescent="0.25">
      <c r="A76" s="2" t="s">
        <v>109</v>
      </c>
      <c r="B76" s="4" t="s">
        <v>1229</v>
      </c>
      <c r="C76" s="7">
        <v>0</v>
      </c>
      <c r="D76" s="7">
        <v>15</v>
      </c>
      <c r="E76" s="7">
        <v>0</v>
      </c>
    </row>
    <row r="78" spans="1:6" x14ac:dyDescent="0.25">
      <c r="A78" s="8" t="s">
        <v>6</v>
      </c>
      <c r="B78" s="8" t="s">
        <v>1230</v>
      </c>
      <c r="C78" s="8" t="s">
        <v>1231</v>
      </c>
      <c r="D78" s="8" t="s">
        <v>1232</v>
      </c>
    </row>
    <row r="79" spans="1:6" x14ac:dyDescent="0.25">
      <c r="A79" s="8" t="s">
        <v>7</v>
      </c>
      <c r="B79" s="8" t="s">
        <v>7</v>
      </c>
      <c r="C79" s="8" t="s">
        <v>7</v>
      </c>
      <c r="D79" s="8" t="s">
        <v>7</v>
      </c>
    </row>
    <row r="80" spans="1:6" x14ac:dyDescent="0.25">
      <c r="A80" s="2" t="s">
        <v>111</v>
      </c>
      <c r="B80" s="4" t="s">
        <v>1233</v>
      </c>
      <c r="C80" s="7">
        <v>0</v>
      </c>
      <c r="D80" s="7">
        <v>0</v>
      </c>
    </row>
    <row r="81" spans="1:6" x14ac:dyDescent="0.25">
      <c r="A81" s="2" t="s">
        <v>113</v>
      </c>
      <c r="B81" s="4" t="s">
        <v>1234</v>
      </c>
      <c r="C81" s="7">
        <v>0</v>
      </c>
      <c r="D81" s="7">
        <v>0</v>
      </c>
    </row>
    <row r="83" spans="1:6" x14ac:dyDescent="0.25">
      <c r="A83" s="8" t="s">
        <v>6</v>
      </c>
      <c r="B83" s="8" t="s">
        <v>1235</v>
      </c>
      <c r="C83" s="8" t="s">
        <v>1236</v>
      </c>
      <c r="D83" s="8" t="s">
        <v>1237</v>
      </c>
      <c r="E83" s="8" t="s">
        <v>1238</v>
      </c>
      <c r="F83" s="8" t="s">
        <v>1239</v>
      </c>
    </row>
    <row r="84" spans="1:6" x14ac:dyDescent="0.25">
      <c r="A84" s="8" t="s">
        <v>7</v>
      </c>
      <c r="B84" s="8" t="s">
        <v>7</v>
      </c>
      <c r="C84" s="8" t="s">
        <v>7</v>
      </c>
      <c r="D84" s="8" t="s">
        <v>7</v>
      </c>
      <c r="E84" s="8" t="s">
        <v>7</v>
      </c>
      <c r="F84" s="8" t="s">
        <v>7</v>
      </c>
    </row>
    <row r="85" spans="1:6" x14ac:dyDescent="0.25">
      <c r="A85" s="2" t="s">
        <v>115</v>
      </c>
      <c r="B85" s="4" t="s">
        <v>1240</v>
      </c>
      <c r="C85" s="7">
        <v>0</v>
      </c>
      <c r="D85" s="7">
        <v>0</v>
      </c>
      <c r="E85" s="7">
        <v>0</v>
      </c>
      <c r="F85" s="7">
        <v>0</v>
      </c>
    </row>
    <row r="86" spans="1:6" x14ac:dyDescent="0.25">
      <c r="A86" s="2" t="s">
        <v>117</v>
      </c>
      <c r="B86" s="4" t="s">
        <v>1241</v>
      </c>
      <c r="C86" s="7">
        <v>0</v>
      </c>
      <c r="D86" s="7">
        <v>0</v>
      </c>
      <c r="E86" s="7">
        <v>0</v>
      </c>
      <c r="F86" s="7">
        <v>0</v>
      </c>
    </row>
    <row r="87" spans="1:6" x14ac:dyDescent="0.25">
      <c r="A87" s="2" t="s">
        <v>119</v>
      </c>
      <c r="B87" s="4" t="s">
        <v>1242</v>
      </c>
      <c r="C87" s="7">
        <v>0</v>
      </c>
      <c r="D87" s="7">
        <v>0</v>
      </c>
      <c r="E87" s="7">
        <v>0</v>
      </c>
      <c r="F87" s="7">
        <v>0</v>
      </c>
    </row>
    <row r="88" spans="1:6" x14ac:dyDescent="0.25">
      <c r="A88" s="2" t="s">
        <v>120</v>
      </c>
      <c r="B88" s="4" t="s">
        <v>1200</v>
      </c>
      <c r="C88" s="7">
        <v>0</v>
      </c>
      <c r="D88" s="7">
        <v>0</v>
      </c>
      <c r="E88" s="7">
        <v>0</v>
      </c>
      <c r="F88" s="7">
        <v>0</v>
      </c>
    </row>
    <row r="89" spans="1:6" x14ac:dyDescent="0.25">
      <c r="A89" s="2" t="s">
        <v>121</v>
      </c>
      <c r="B89" s="4" t="s">
        <v>1243</v>
      </c>
      <c r="C89" s="7">
        <v>0</v>
      </c>
      <c r="D89" s="7">
        <v>0</v>
      </c>
      <c r="E89" s="7">
        <v>0</v>
      </c>
      <c r="F89" s="7">
        <v>0</v>
      </c>
    </row>
    <row r="90" spans="1:6" x14ac:dyDescent="0.25">
      <c r="A90" s="2" t="s">
        <v>122</v>
      </c>
      <c r="B90" s="4" t="s">
        <v>1241</v>
      </c>
      <c r="C90" s="7">
        <v>0</v>
      </c>
      <c r="D90" s="7">
        <v>0</v>
      </c>
      <c r="E90" s="7">
        <v>0</v>
      </c>
      <c r="F90" s="7">
        <v>0</v>
      </c>
    </row>
    <row r="91" spans="1:6" x14ac:dyDescent="0.25">
      <c r="A91" s="2" t="s">
        <v>123</v>
      </c>
      <c r="B91" s="4" t="s">
        <v>1242</v>
      </c>
      <c r="C91" s="7">
        <v>0</v>
      </c>
      <c r="D91" s="7">
        <v>0</v>
      </c>
      <c r="E91" s="7">
        <v>0</v>
      </c>
      <c r="F91" s="7">
        <v>0</v>
      </c>
    </row>
    <row r="92" spans="1:6" x14ac:dyDescent="0.25">
      <c r="A92" s="2" t="s">
        <v>124</v>
      </c>
      <c r="B92" s="4" t="s">
        <v>1200</v>
      </c>
      <c r="C92" s="7">
        <v>0</v>
      </c>
      <c r="D92" s="7">
        <v>0</v>
      </c>
      <c r="E92" s="7">
        <v>0</v>
      </c>
      <c r="F92" s="7">
        <v>0</v>
      </c>
    </row>
    <row r="94" spans="1:6" x14ac:dyDescent="0.25">
      <c r="A94" s="8" t="s">
        <v>6</v>
      </c>
      <c r="B94" s="8" t="s">
        <v>1244</v>
      </c>
      <c r="C94" s="8" t="s">
        <v>1231</v>
      </c>
      <c r="D94" s="8" t="s">
        <v>1245</v>
      </c>
    </row>
    <row r="95" spans="1:6" x14ac:dyDescent="0.25">
      <c r="A95" s="8" t="s">
        <v>7</v>
      </c>
      <c r="B95" s="8" t="s">
        <v>7</v>
      </c>
      <c r="C95" s="8" t="s">
        <v>7</v>
      </c>
      <c r="D95" s="8" t="s">
        <v>7</v>
      </c>
    </row>
    <row r="96" spans="1:6" x14ac:dyDescent="0.25">
      <c r="A96" s="2" t="s">
        <v>125</v>
      </c>
      <c r="B96" s="4" t="s">
        <v>1246</v>
      </c>
      <c r="C96" s="7">
        <v>0</v>
      </c>
      <c r="D96" s="7">
        <v>0</v>
      </c>
    </row>
    <row r="97" spans="1:5" x14ac:dyDescent="0.25">
      <c r="A97" s="2" t="s">
        <v>126</v>
      </c>
      <c r="B97" s="4" t="s">
        <v>1247</v>
      </c>
      <c r="C97" s="7">
        <v>0</v>
      </c>
      <c r="D97" s="7">
        <v>0</v>
      </c>
    </row>
    <row r="99" spans="1:5" x14ac:dyDescent="0.25">
      <c r="A99" s="8" t="s">
        <v>6</v>
      </c>
      <c r="B99" s="8" t="s">
        <v>1248</v>
      </c>
      <c r="C99" s="8" t="s">
        <v>1222</v>
      </c>
      <c r="D99" s="8" t="s">
        <v>1249</v>
      </c>
      <c r="E99" s="8" t="s">
        <v>1249</v>
      </c>
    </row>
    <row r="100" spans="1:5" ht="21" x14ac:dyDescent="0.25">
      <c r="A100" s="8" t="s">
        <v>7</v>
      </c>
      <c r="B100" s="8" t="s">
        <v>7</v>
      </c>
      <c r="C100" s="8" t="s">
        <v>7</v>
      </c>
      <c r="D100" s="1" t="s">
        <v>1224</v>
      </c>
      <c r="E100" s="1" t="s">
        <v>1225</v>
      </c>
    </row>
    <row r="101" spans="1:5" x14ac:dyDescent="0.25">
      <c r="A101" s="2" t="s">
        <v>127</v>
      </c>
      <c r="B101" s="4" t="s">
        <v>1250</v>
      </c>
      <c r="C101" s="7">
        <v>711901287.21000004</v>
      </c>
      <c r="D101" s="7">
        <v>12</v>
      </c>
      <c r="E101" s="7">
        <v>11.15</v>
      </c>
    </row>
    <row r="103" spans="1:5" x14ac:dyDescent="0.25">
      <c r="A103" s="8" t="s">
        <v>6</v>
      </c>
      <c r="B103" s="8" t="s">
        <v>1251</v>
      </c>
      <c r="C103" s="8" t="s">
        <v>1252</v>
      </c>
    </row>
    <row r="104" spans="1:5" x14ac:dyDescent="0.25">
      <c r="A104" s="8" t="s">
        <v>7</v>
      </c>
      <c r="B104" s="8" t="s">
        <v>7</v>
      </c>
      <c r="C104" s="8" t="s">
        <v>7</v>
      </c>
    </row>
    <row r="105" spans="1:5" x14ac:dyDescent="0.25">
      <c r="A105" s="2" t="s">
        <v>129</v>
      </c>
      <c r="B105" s="4" t="s">
        <v>1253</v>
      </c>
      <c r="C105" s="7">
        <v>0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6:A27"/>
    <mergeCell ref="B26:B27"/>
    <mergeCell ref="C26:C27"/>
    <mergeCell ref="A31:A32"/>
    <mergeCell ref="B31:B32"/>
    <mergeCell ref="C31:C32"/>
    <mergeCell ref="A37:A38"/>
    <mergeCell ref="B37:B38"/>
    <mergeCell ref="C37:C38"/>
    <mergeCell ref="A50:A51"/>
    <mergeCell ref="B50:B51"/>
    <mergeCell ref="C50:C51"/>
    <mergeCell ref="D50:D51"/>
    <mergeCell ref="E50:E51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78:A79"/>
    <mergeCell ref="B78:B79"/>
    <mergeCell ref="C78:C79"/>
    <mergeCell ref="D78:D79"/>
    <mergeCell ref="A83:A84"/>
    <mergeCell ref="B83:B84"/>
    <mergeCell ref="C83:C84"/>
    <mergeCell ref="D83:D84"/>
    <mergeCell ref="E83:E84"/>
    <mergeCell ref="F83:F84"/>
    <mergeCell ref="A94:A95"/>
    <mergeCell ref="B94:B95"/>
    <mergeCell ref="C94:C95"/>
    <mergeCell ref="D94:D95"/>
    <mergeCell ref="A99:A100"/>
    <mergeCell ref="B99:B100"/>
    <mergeCell ref="C99:C100"/>
    <mergeCell ref="D99:E99"/>
    <mergeCell ref="A103:A104"/>
    <mergeCell ref="B103:B104"/>
    <mergeCell ref="C103:C104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0"/>
  <sheetViews>
    <sheetView showGridLines="0" topLeftCell="A188" workbookViewId="0">
      <selection activeCell="C210" sqref="C210"/>
    </sheetView>
  </sheetViews>
  <sheetFormatPr defaultRowHeight="15" x14ac:dyDescent="0.25"/>
  <cols>
    <col min="2" max="2" width="51.5703125" bestFit="1" customWidth="1"/>
    <col min="3" max="4" width="20.140625" bestFit="1" customWidth="1"/>
    <col min="5" max="6" width="19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36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36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368</v>
      </c>
      <c r="C10" s="8" t="s">
        <v>369</v>
      </c>
      <c r="D10" s="8" t="s">
        <v>370</v>
      </c>
      <c r="E10" s="8" t="s">
        <v>168</v>
      </c>
      <c r="F10" s="8" t="s">
        <v>7</v>
      </c>
      <c r="G10" s="8" t="s">
        <v>7</v>
      </c>
      <c r="H10" s="8" t="s">
        <v>373</v>
      </c>
      <c r="I10" s="8" t="s">
        <v>172</v>
      </c>
      <c r="J10" s="8" t="s">
        <v>7</v>
      </c>
      <c r="K10" s="8" t="s">
        <v>7</v>
      </c>
      <c r="L10" s="8" t="s">
        <v>376</v>
      </c>
    </row>
    <row r="11" spans="1:12" ht="31.5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69</v>
      </c>
      <c r="F11" s="1" t="s">
        <v>371</v>
      </c>
      <c r="G11" s="1" t="s">
        <v>372</v>
      </c>
      <c r="H11" s="8" t="s">
        <v>7</v>
      </c>
      <c r="I11" s="1" t="s">
        <v>169</v>
      </c>
      <c r="J11" s="1" t="s">
        <v>374</v>
      </c>
      <c r="K11" s="1" t="s">
        <v>375</v>
      </c>
      <c r="L11" s="8" t="s">
        <v>7</v>
      </c>
    </row>
    <row r="12" spans="1:12" x14ac:dyDescent="0.25">
      <c r="A12" s="3" t="s">
        <v>17</v>
      </c>
      <c r="B12" s="5" t="s">
        <v>377</v>
      </c>
      <c r="C12" s="6">
        <v>15050076900</v>
      </c>
      <c r="D12" s="6">
        <v>16039985487.889999</v>
      </c>
      <c r="E12" s="6">
        <v>2513263278.4899998</v>
      </c>
      <c r="F12" s="6">
        <v>8659367854.7199993</v>
      </c>
      <c r="G12" s="6">
        <v>88.87</v>
      </c>
      <c r="H12" s="6">
        <v>7380617633.1700001</v>
      </c>
      <c r="I12" s="6">
        <v>2253230497.5100002</v>
      </c>
      <c r="J12" s="6">
        <v>6832511721.0900002</v>
      </c>
      <c r="K12" s="6">
        <v>87.2</v>
      </c>
      <c r="L12" s="6">
        <v>9207473766.7999992</v>
      </c>
    </row>
    <row r="13" spans="1:12" x14ac:dyDescent="0.25">
      <c r="A13" s="3" t="s">
        <v>19</v>
      </c>
      <c r="B13" s="5" t="s">
        <v>378</v>
      </c>
      <c r="C13" s="6">
        <v>514711000</v>
      </c>
      <c r="D13" s="6">
        <v>514711000</v>
      </c>
      <c r="E13" s="6">
        <v>44212141.799999997</v>
      </c>
      <c r="F13" s="6">
        <v>309019348.50999999</v>
      </c>
      <c r="G13" s="6">
        <v>3.18</v>
      </c>
      <c r="H13" s="6">
        <v>205691651.49000001</v>
      </c>
      <c r="I13" s="6">
        <v>69375429.819999993</v>
      </c>
      <c r="J13" s="6">
        <v>192270945.41999999</v>
      </c>
      <c r="K13" s="6">
        <v>2.4500000000000002</v>
      </c>
      <c r="L13" s="6">
        <v>322440054.57999998</v>
      </c>
    </row>
    <row r="14" spans="1:12" x14ac:dyDescent="0.25">
      <c r="A14" s="2" t="s">
        <v>21</v>
      </c>
      <c r="B14" s="4" t="s">
        <v>379</v>
      </c>
      <c r="C14" s="7">
        <v>268052200</v>
      </c>
      <c r="D14" s="7">
        <v>268052200</v>
      </c>
      <c r="E14" s="7">
        <v>30912359.02</v>
      </c>
      <c r="F14" s="7">
        <v>123382556.53</v>
      </c>
      <c r="G14" s="7">
        <v>1.27</v>
      </c>
      <c r="H14" s="7">
        <v>144669643.47</v>
      </c>
      <c r="I14" s="7">
        <v>34409919.530000001</v>
      </c>
      <c r="J14" s="7">
        <v>99521382.840000004</v>
      </c>
      <c r="K14" s="7">
        <v>1.27</v>
      </c>
      <c r="L14" s="7">
        <v>168530817.16</v>
      </c>
    </row>
    <row r="15" spans="1:12" x14ac:dyDescent="0.25">
      <c r="A15" s="2" t="s">
        <v>23</v>
      </c>
      <c r="B15" s="4" t="s">
        <v>380</v>
      </c>
      <c r="C15" s="7">
        <v>244958800</v>
      </c>
      <c r="D15" s="7">
        <v>244958800</v>
      </c>
      <c r="E15" s="7">
        <v>13299782.779999999</v>
      </c>
      <c r="F15" s="7">
        <v>184030902.02000001</v>
      </c>
      <c r="G15" s="7">
        <v>1.89</v>
      </c>
      <c r="H15" s="7">
        <v>60927897.979999997</v>
      </c>
      <c r="I15" s="7">
        <v>34713376.93</v>
      </c>
      <c r="J15" s="7">
        <v>91994667.989999995</v>
      </c>
      <c r="K15" s="7">
        <v>1.17</v>
      </c>
      <c r="L15" s="7">
        <v>152964132.00999999</v>
      </c>
    </row>
    <row r="16" spans="1:12" x14ac:dyDescent="0.25">
      <c r="A16" s="2" t="s">
        <v>25</v>
      </c>
      <c r="B16" s="4" t="s">
        <v>381</v>
      </c>
      <c r="C16" s="7">
        <v>1700000</v>
      </c>
      <c r="D16" s="7">
        <v>1700000</v>
      </c>
      <c r="E16" s="7">
        <v>0</v>
      </c>
      <c r="F16" s="7">
        <v>1605889.96</v>
      </c>
      <c r="G16" s="7">
        <v>0.02</v>
      </c>
      <c r="H16" s="7">
        <v>94110.04</v>
      </c>
      <c r="I16" s="7">
        <v>252133.36</v>
      </c>
      <c r="J16" s="7">
        <v>754894.59</v>
      </c>
      <c r="K16" s="7">
        <v>0.01</v>
      </c>
      <c r="L16" s="7">
        <v>945105.41</v>
      </c>
    </row>
    <row r="17" spans="1:12" x14ac:dyDescent="0.25">
      <c r="A17" s="3" t="s">
        <v>27</v>
      </c>
      <c r="B17" s="5" t="s">
        <v>382</v>
      </c>
      <c r="C17" s="6">
        <v>988460000</v>
      </c>
      <c r="D17" s="6">
        <v>990751200</v>
      </c>
      <c r="E17" s="6">
        <v>59228940.030000001</v>
      </c>
      <c r="F17" s="6">
        <v>895308495.66999996</v>
      </c>
      <c r="G17" s="6">
        <v>9.19</v>
      </c>
      <c r="H17" s="6">
        <v>95442704.329999998</v>
      </c>
      <c r="I17" s="6">
        <v>157274114.53</v>
      </c>
      <c r="J17" s="6">
        <v>434882246.50999999</v>
      </c>
      <c r="K17" s="6">
        <v>5.55</v>
      </c>
      <c r="L17" s="6">
        <v>555868953.49000001</v>
      </c>
    </row>
    <row r="18" spans="1:12" x14ac:dyDescent="0.25">
      <c r="A18" s="2" t="s">
        <v>29</v>
      </c>
      <c r="B18" s="4" t="s">
        <v>383</v>
      </c>
      <c r="C18" s="7">
        <v>146511600</v>
      </c>
      <c r="D18" s="7">
        <v>146101600</v>
      </c>
      <c r="E18" s="7">
        <v>-14260189.83</v>
      </c>
      <c r="F18" s="7">
        <v>100608137.92</v>
      </c>
      <c r="G18" s="7">
        <v>1.03</v>
      </c>
      <c r="H18" s="7">
        <v>45493462.079999998</v>
      </c>
      <c r="I18" s="7">
        <v>16992516.370000001</v>
      </c>
      <c r="J18" s="7">
        <v>56046979.450000003</v>
      </c>
      <c r="K18" s="7">
        <v>0.72</v>
      </c>
      <c r="L18" s="7">
        <v>90054620.549999997</v>
      </c>
    </row>
    <row r="19" spans="1:12" x14ac:dyDescent="0.25">
      <c r="A19" s="2" t="s">
        <v>31</v>
      </c>
      <c r="B19" s="4" t="s">
        <v>384</v>
      </c>
      <c r="C19" s="7">
        <v>794760000</v>
      </c>
      <c r="D19" s="7">
        <v>797051200</v>
      </c>
      <c r="E19" s="7">
        <v>72892687.950000003</v>
      </c>
      <c r="F19" s="7">
        <v>764041628.72000003</v>
      </c>
      <c r="G19" s="7">
        <v>7.84</v>
      </c>
      <c r="H19" s="7">
        <v>33009571.280000001</v>
      </c>
      <c r="I19" s="7">
        <v>136557497.16999999</v>
      </c>
      <c r="J19" s="7">
        <v>366651330.36000001</v>
      </c>
      <c r="K19" s="7">
        <v>4.68</v>
      </c>
      <c r="L19" s="7">
        <v>430399869.63999999</v>
      </c>
    </row>
    <row r="20" spans="1:12" x14ac:dyDescent="0.25">
      <c r="A20" s="2" t="s">
        <v>33</v>
      </c>
      <c r="B20" s="4" t="s">
        <v>385</v>
      </c>
      <c r="C20" s="7">
        <v>40802000</v>
      </c>
      <c r="D20" s="7">
        <v>40802000</v>
      </c>
      <c r="E20" s="7">
        <v>43444.92</v>
      </c>
      <c r="F20" s="7">
        <v>24908876.329999998</v>
      </c>
      <c r="G20" s="7">
        <v>0.26</v>
      </c>
      <c r="H20" s="7">
        <v>15893123.67</v>
      </c>
      <c r="I20" s="7">
        <v>3116680.59</v>
      </c>
      <c r="J20" s="7">
        <v>10908636.310000001</v>
      </c>
      <c r="K20" s="7">
        <v>0.14000000000000001</v>
      </c>
      <c r="L20" s="7">
        <v>29893363.690000001</v>
      </c>
    </row>
    <row r="21" spans="1:12" x14ac:dyDescent="0.25">
      <c r="A21" s="2" t="s">
        <v>35</v>
      </c>
      <c r="B21" s="4" t="s">
        <v>386</v>
      </c>
      <c r="C21" s="7">
        <v>2095300</v>
      </c>
      <c r="D21" s="7">
        <v>2505300</v>
      </c>
      <c r="E21" s="7">
        <v>487658.23999999999</v>
      </c>
      <c r="F21" s="7">
        <v>1935624.36</v>
      </c>
      <c r="G21" s="7">
        <v>0.02</v>
      </c>
      <c r="H21" s="7">
        <v>569675.64</v>
      </c>
      <c r="I21" s="7">
        <v>54348.3</v>
      </c>
      <c r="J21" s="7">
        <v>134686.10999999999</v>
      </c>
      <c r="K21" s="7">
        <v>0</v>
      </c>
      <c r="L21" s="7">
        <v>2370613.89</v>
      </c>
    </row>
    <row r="22" spans="1:12" x14ac:dyDescent="0.25">
      <c r="A22" s="2" t="s">
        <v>37</v>
      </c>
      <c r="B22" s="4" t="s">
        <v>387</v>
      </c>
      <c r="C22" s="7">
        <v>3591100</v>
      </c>
      <c r="D22" s="7">
        <v>3591100</v>
      </c>
      <c r="E22" s="7">
        <v>65338.75</v>
      </c>
      <c r="F22" s="7">
        <v>3132228.34</v>
      </c>
      <c r="G22" s="7">
        <v>0.03</v>
      </c>
      <c r="H22" s="7">
        <v>458871.66</v>
      </c>
      <c r="I22" s="7">
        <v>442839.86</v>
      </c>
      <c r="J22" s="7">
        <v>810577.94</v>
      </c>
      <c r="K22" s="7">
        <v>0.01</v>
      </c>
      <c r="L22" s="7">
        <v>2780522.06</v>
      </c>
    </row>
    <row r="23" spans="1:12" x14ac:dyDescent="0.25">
      <c r="A23" s="2" t="s">
        <v>39</v>
      </c>
      <c r="B23" s="4" t="s">
        <v>381</v>
      </c>
      <c r="C23" s="7">
        <v>700000</v>
      </c>
      <c r="D23" s="7">
        <v>700000</v>
      </c>
      <c r="E23" s="7">
        <v>0</v>
      </c>
      <c r="F23" s="7">
        <v>682000</v>
      </c>
      <c r="G23" s="7">
        <v>0.01</v>
      </c>
      <c r="H23" s="7">
        <v>18000</v>
      </c>
      <c r="I23" s="7">
        <v>110232.24</v>
      </c>
      <c r="J23" s="7">
        <v>330036.34000000003</v>
      </c>
      <c r="K23" s="7">
        <v>0</v>
      </c>
      <c r="L23" s="7">
        <v>369963.66</v>
      </c>
    </row>
    <row r="24" spans="1:12" x14ac:dyDescent="0.25">
      <c r="A24" s="3" t="s">
        <v>41</v>
      </c>
      <c r="B24" s="5" t="s">
        <v>388</v>
      </c>
      <c r="C24" s="6">
        <v>984351500</v>
      </c>
      <c r="D24" s="6">
        <v>1039069067.04</v>
      </c>
      <c r="E24" s="6">
        <v>165123761.97</v>
      </c>
      <c r="F24" s="6">
        <v>539326800.29999995</v>
      </c>
      <c r="G24" s="6">
        <v>5.54</v>
      </c>
      <c r="H24" s="6">
        <v>499742266.74000001</v>
      </c>
      <c r="I24" s="6">
        <v>162556800.46000001</v>
      </c>
      <c r="J24" s="6">
        <v>487279647.12</v>
      </c>
      <c r="K24" s="6">
        <v>6.22</v>
      </c>
      <c r="L24" s="6">
        <v>551789419.91999996</v>
      </c>
    </row>
    <row r="25" spans="1:12" x14ac:dyDescent="0.25">
      <c r="A25" s="2" t="s">
        <v>43</v>
      </c>
      <c r="B25" s="4" t="s">
        <v>389</v>
      </c>
      <c r="C25" s="7">
        <v>454086600</v>
      </c>
      <c r="D25" s="7">
        <v>463551600</v>
      </c>
      <c r="E25" s="7">
        <v>66716740.259999998</v>
      </c>
      <c r="F25" s="7">
        <v>222324501.65000001</v>
      </c>
      <c r="G25" s="7">
        <v>2.2799999999999998</v>
      </c>
      <c r="H25" s="7">
        <v>241227098.34999999</v>
      </c>
      <c r="I25" s="7">
        <v>64843017.840000004</v>
      </c>
      <c r="J25" s="7">
        <v>179003654.87</v>
      </c>
      <c r="K25" s="7">
        <v>2.29</v>
      </c>
      <c r="L25" s="7">
        <v>284547945.13</v>
      </c>
    </row>
    <row r="26" spans="1:12" x14ac:dyDescent="0.25">
      <c r="A26" s="2" t="s">
        <v>45</v>
      </c>
      <c r="B26" s="4" t="s">
        <v>390</v>
      </c>
      <c r="C26" s="7">
        <v>110357500</v>
      </c>
      <c r="D26" s="7">
        <v>158127500</v>
      </c>
      <c r="E26" s="7">
        <v>11206448.59</v>
      </c>
      <c r="F26" s="7">
        <v>31849781.59</v>
      </c>
      <c r="G26" s="7">
        <v>0.33</v>
      </c>
      <c r="H26" s="7">
        <v>126277718.41</v>
      </c>
      <c r="I26" s="7">
        <v>10502654.23</v>
      </c>
      <c r="J26" s="7">
        <v>30447101.859999999</v>
      </c>
      <c r="K26" s="7">
        <v>0.39</v>
      </c>
      <c r="L26" s="7">
        <v>127680398.14</v>
      </c>
    </row>
    <row r="27" spans="1:12" x14ac:dyDescent="0.25">
      <c r="A27" s="2" t="s">
        <v>47</v>
      </c>
      <c r="B27" s="4" t="s">
        <v>384</v>
      </c>
      <c r="C27" s="7">
        <v>18435000</v>
      </c>
      <c r="D27" s="7">
        <v>21435000</v>
      </c>
      <c r="E27" s="7">
        <v>2905492.7</v>
      </c>
      <c r="F27" s="7">
        <v>13383727.33</v>
      </c>
      <c r="G27" s="7">
        <v>0.14000000000000001</v>
      </c>
      <c r="H27" s="7">
        <v>8051272.6699999999</v>
      </c>
      <c r="I27" s="7">
        <v>3070865.08</v>
      </c>
      <c r="J27" s="7">
        <v>6668824.71</v>
      </c>
      <c r="K27" s="7">
        <v>0.09</v>
      </c>
      <c r="L27" s="7">
        <v>14766175.289999999</v>
      </c>
    </row>
    <row r="28" spans="1:12" x14ac:dyDescent="0.25">
      <c r="A28" s="2" t="s">
        <v>49</v>
      </c>
      <c r="B28" s="4" t="s">
        <v>386</v>
      </c>
      <c r="C28" s="7">
        <v>6204400</v>
      </c>
      <c r="D28" s="7">
        <v>4288900</v>
      </c>
      <c r="E28" s="7">
        <v>1100758.53</v>
      </c>
      <c r="F28" s="7">
        <v>2826849.93</v>
      </c>
      <c r="G28" s="7">
        <v>0.03</v>
      </c>
      <c r="H28" s="7">
        <v>1462050.07</v>
      </c>
      <c r="I28" s="7">
        <v>1030337.73</v>
      </c>
      <c r="J28" s="7">
        <v>2616177.9500000002</v>
      </c>
      <c r="K28" s="7">
        <v>0.03</v>
      </c>
      <c r="L28" s="7">
        <v>1672722.05</v>
      </c>
    </row>
    <row r="29" spans="1:12" x14ac:dyDescent="0.25">
      <c r="A29" s="2" t="s">
        <v>51</v>
      </c>
      <c r="B29" s="4" t="s">
        <v>391</v>
      </c>
      <c r="C29" s="7">
        <v>174461100</v>
      </c>
      <c r="D29" s="7">
        <v>171709167.03999999</v>
      </c>
      <c r="E29" s="7">
        <v>26364056.870000001</v>
      </c>
      <c r="F29" s="7">
        <v>79090376.030000001</v>
      </c>
      <c r="G29" s="7">
        <v>0.81</v>
      </c>
      <c r="H29" s="7">
        <v>92618791.010000005</v>
      </c>
      <c r="I29" s="7">
        <v>26279660.559999999</v>
      </c>
      <c r="J29" s="7">
        <v>78692323.959999993</v>
      </c>
      <c r="K29" s="7">
        <v>1</v>
      </c>
      <c r="L29" s="7">
        <v>93016843.079999998</v>
      </c>
    </row>
    <row r="30" spans="1:12" x14ac:dyDescent="0.25">
      <c r="A30" s="2" t="s">
        <v>53</v>
      </c>
      <c r="B30" s="4" t="s">
        <v>381</v>
      </c>
      <c r="C30" s="7">
        <v>220806900</v>
      </c>
      <c r="D30" s="7">
        <v>219956900</v>
      </c>
      <c r="E30" s="7">
        <v>56830265.020000003</v>
      </c>
      <c r="F30" s="7">
        <v>189851563.77000001</v>
      </c>
      <c r="G30" s="7">
        <v>1.95</v>
      </c>
      <c r="H30" s="7">
        <v>30105336.23</v>
      </c>
      <c r="I30" s="7">
        <v>56830265.020000003</v>
      </c>
      <c r="J30" s="7">
        <v>189851563.77000001</v>
      </c>
      <c r="K30" s="7">
        <v>2.42</v>
      </c>
      <c r="L30" s="7">
        <v>30105336.23</v>
      </c>
    </row>
    <row r="31" spans="1:12" x14ac:dyDescent="0.25">
      <c r="A31" s="3" t="s">
        <v>55</v>
      </c>
      <c r="B31" s="5" t="s">
        <v>392</v>
      </c>
      <c r="C31" s="6">
        <v>849267800</v>
      </c>
      <c r="D31" s="6">
        <v>985771260.63</v>
      </c>
      <c r="E31" s="6">
        <v>146783887.52000001</v>
      </c>
      <c r="F31" s="6">
        <v>454443930.44999999</v>
      </c>
      <c r="G31" s="6">
        <v>4.66</v>
      </c>
      <c r="H31" s="6">
        <v>531327330.18000001</v>
      </c>
      <c r="I31" s="6">
        <v>147491495.25999999</v>
      </c>
      <c r="J31" s="6">
        <v>417081706.73000002</v>
      </c>
      <c r="K31" s="6">
        <v>5.33</v>
      </c>
      <c r="L31" s="6">
        <v>568689553.89999998</v>
      </c>
    </row>
    <row r="32" spans="1:12" x14ac:dyDescent="0.25">
      <c r="A32" s="2" t="s">
        <v>57</v>
      </c>
      <c r="B32" s="4" t="s">
        <v>384</v>
      </c>
      <c r="C32" s="7">
        <v>787052900</v>
      </c>
      <c r="D32" s="7">
        <v>910165698.63</v>
      </c>
      <c r="E32" s="7">
        <v>142351606.18000001</v>
      </c>
      <c r="F32" s="7">
        <v>440464840.45999998</v>
      </c>
      <c r="G32" s="7">
        <v>4.5199999999999996</v>
      </c>
      <c r="H32" s="7">
        <v>469700858.17000002</v>
      </c>
      <c r="I32" s="7">
        <v>143136988.63999999</v>
      </c>
      <c r="J32" s="7">
        <v>405511703.62</v>
      </c>
      <c r="K32" s="7">
        <v>5.18</v>
      </c>
      <c r="L32" s="7">
        <v>504653995.00999999</v>
      </c>
    </row>
    <row r="33" spans="1:12" x14ac:dyDescent="0.25">
      <c r="A33" s="2" t="s">
        <v>59</v>
      </c>
      <c r="B33" s="4" t="s">
        <v>393</v>
      </c>
      <c r="C33" s="7">
        <v>24527500</v>
      </c>
      <c r="D33" s="7">
        <v>24547500</v>
      </c>
      <c r="E33" s="7">
        <v>1390948.08</v>
      </c>
      <c r="F33" s="7">
        <v>4075584.47</v>
      </c>
      <c r="G33" s="7">
        <v>0.04</v>
      </c>
      <c r="H33" s="7">
        <v>20471915.530000001</v>
      </c>
      <c r="I33" s="7">
        <v>1335800.1599999999</v>
      </c>
      <c r="J33" s="7">
        <v>1977751.08</v>
      </c>
      <c r="K33" s="7">
        <v>0.03</v>
      </c>
      <c r="L33" s="7">
        <v>22569748.920000002</v>
      </c>
    </row>
    <row r="34" spans="1:12" x14ac:dyDescent="0.25">
      <c r="A34" s="2" t="s">
        <v>61</v>
      </c>
      <c r="B34" s="4" t="s">
        <v>394</v>
      </c>
      <c r="C34" s="7">
        <v>13083700</v>
      </c>
      <c r="D34" s="7">
        <v>13110262</v>
      </c>
      <c r="E34" s="7">
        <v>1786123.86</v>
      </c>
      <c r="F34" s="7">
        <v>5722742.0899999999</v>
      </c>
      <c r="G34" s="7">
        <v>0.06</v>
      </c>
      <c r="H34" s="7">
        <v>7387519.9100000001</v>
      </c>
      <c r="I34" s="7">
        <v>1851989.77</v>
      </c>
      <c r="J34" s="7">
        <v>5677173.7699999996</v>
      </c>
      <c r="K34" s="7">
        <v>7.0000000000000007E-2</v>
      </c>
      <c r="L34" s="7">
        <v>7433088.2300000004</v>
      </c>
    </row>
    <row r="35" spans="1:12" x14ac:dyDescent="0.25">
      <c r="A35" s="2" t="s">
        <v>63</v>
      </c>
      <c r="B35" s="4" t="s">
        <v>385</v>
      </c>
      <c r="C35" s="7">
        <v>4100</v>
      </c>
      <c r="D35" s="7">
        <v>4100</v>
      </c>
      <c r="E35" s="7">
        <v>0</v>
      </c>
      <c r="F35" s="7">
        <v>0</v>
      </c>
      <c r="G35" s="7">
        <v>0</v>
      </c>
      <c r="H35" s="7">
        <v>4100</v>
      </c>
      <c r="I35" s="7">
        <v>0</v>
      </c>
      <c r="J35" s="7">
        <v>0</v>
      </c>
      <c r="K35" s="7">
        <v>0</v>
      </c>
      <c r="L35" s="7">
        <v>4100</v>
      </c>
    </row>
    <row r="36" spans="1:12" x14ac:dyDescent="0.25">
      <c r="A36" s="2" t="s">
        <v>65</v>
      </c>
      <c r="B36" s="4" t="s">
        <v>386</v>
      </c>
      <c r="C36" s="7">
        <v>11256400</v>
      </c>
      <c r="D36" s="7">
        <v>11256400</v>
      </c>
      <c r="E36" s="7">
        <v>9792</v>
      </c>
      <c r="F36" s="7">
        <v>27432</v>
      </c>
      <c r="G36" s="7">
        <v>0</v>
      </c>
      <c r="H36" s="7">
        <v>11228968</v>
      </c>
      <c r="I36" s="7">
        <v>9792</v>
      </c>
      <c r="J36" s="7">
        <v>27432</v>
      </c>
      <c r="K36" s="7">
        <v>0</v>
      </c>
      <c r="L36" s="7">
        <v>11228968</v>
      </c>
    </row>
    <row r="37" spans="1:12" x14ac:dyDescent="0.25">
      <c r="A37" s="2" t="s">
        <v>67</v>
      </c>
      <c r="B37" s="4" t="s">
        <v>395</v>
      </c>
      <c r="C37" s="7">
        <v>2400</v>
      </c>
      <c r="D37" s="7">
        <v>2400</v>
      </c>
      <c r="E37" s="7">
        <v>0</v>
      </c>
      <c r="F37" s="7">
        <v>0</v>
      </c>
      <c r="G37" s="7">
        <v>0</v>
      </c>
      <c r="H37" s="7">
        <v>2400</v>
      </c>
      <c r="I37" s="7">
        <v>0</v>
      </c>
      <c r="J37" s="7">
        <v>0</v>
      </c>
      <c r="K37" s="7">
        <v>0</v>
      </c>
      <c r="L37" s="7">
        <v>2400</v>
      </c>
    </row>
    <row r="38" spans="1:12" x14ac:dyDescent="0.25">
      <c r="A38" s="2" t="s">
        <v>69</v>
      </c>
      <c r="B38" s="4" t="s">
        <v>396</v>
      </c>
      <c r="C38" s="7">
        <v>13305000</v>
      </c>
      <c r="D38" s="7">
        <v>26649100</v>
      </c>
      <c r="E38" s="7">
        <v>1244421.3999999999</v>
      </c>
      <c r="F38" s="7">
        <v>4132455.43</v>
      </c>
      <c r="G38" s="7">
        <v>0.04</v>
      </c>
      <c r="H38" s="7">
        <v>22516644.57</v>
      </c>
      <c r="I38" s="7">
        <v>1150948.69</v>
      </c>
      <c r="J38" s="7">
        <v>3866770.26</v>
      </c>
      <c r="K38" s="7">
        <v>0.05</v>
      </c>
      <c r="L38" s="7">
        <v>22782329.739999998</v>
      </c>
    </row>
    <row r="39" spans="1:12" x14ac:dyDescent="0.25">
      <c r="A39" s="2" t="s">
        <v>71</v>
      </c>
      <c r="B39" s="4" t="s">
        <v>397</v>
      </c>
      <c r="C39" s="7">
        <v>35800</v>
      </c>
      <c r="D39" s="7">
        <v>35800</v>
      </c>
      <c r="E39" s="7">
        <v>996</v>
      </c>
      <c r="F39" s="7">
        <v>20876</v>
      </c>
      <c r="G39" s="7">
        <v>0</v>
      </c>
      <c r="H39" s="7">
        <v>14924</v>
      </c>
      <c r="I39" s="7">
        <v>5976</v>
      </c>
      <c r="J39" s="7">
        <v>20876</v>
      </c>
      <c r="K39" s="7">
        <v>0</v>
      </c>
      <c r="L39" s="7">
        <v>14924</v>
      </c>
    </row>
    <row r="40" spans="1:12" x14ac:dyDescent="0.25">
      <c r="A40" s="3" t="s">
        <v>73</v>
      </c>
      <c r="B40" s="5" t="s">
        <v>398</v>
      </c>
      <c r="C40" s="6">
        <v>1688466500</v>
      </c>
      <c r="D40" s="6">
        <v>1651348184</v>
      </c>
      <c r="E40" s="6">
        <v>234689201.41</v>
      </c>
      <c r="F40" s="6">
        <v>711606765.41999996</v>
      </c>
      <c r="G40" s="6">
        <v>7.3</v>
      </c>
      <c r="H40" s="6">
        <v>939741418.58000004</v>
      </c>
      <c r="I40" s="6">
        <v>216784065.25</v>
      </c>
      <c r="J40" s="6">
        <v>627193026.65999997</v>
      </c>
      <c r="K40" s="6">
        <v>8.01</v>
      </c>
      <c r="L40" s="6">
        <v>1024155157.34</v>
      </c>
    </row>
    <row r="41" spans="1:12" x14ac:dyDescent="0.25">
      <c r="A41" s="2" t="s">
        <v>75</v>
      </c>
      <c r="B41" s="4" t="s">
        <v>384</v>
      </c>
      <c r="C41" s="7">
        <v>1521094300</v>
      </c>
      <c r="D41" s="7">
        <v>1450120728</v>
      </c>
      <c r="E41" s="7">
        <v>212459186.87</v>
      </c>
      <c r="F41" s="7">
        <v>665366981.13999999</v>
      </c>
      <c r="G41" s="7">
        <v>6.83</v>
      </c>
      <c r="H41" s="7">
        <v>784753746.86000001</v>
      </c>
      <c r="I41" s="7">
        <v>206744077.53999999</v>
      </c>
      <c r="J41" s="7">
        <v>610411249.09000003</v>
      </c>
      <c r="K41" s="7">
        <v>7.8</v>
      </c>
      <c r="L41" s="7">
        <v>839709478.90999997</v>
      </c>
    </row>
    <row r="42" spans="1:12" x14ac:dyDescent="0.25">
      <c r="A42" s="2" t="s">
        <v>77</v>
      </c>
      <c r="B42" s="4" t="s">
        <v>399</v>
      </c>
      <c r="C42" s="7">
        <v>167013800</v>
      </c>
      <c r="D42" s="7">
        <v>200869756</v>
      </c>
      <c r="E42" s="7">
        <v>22230014.539999999</v>
      </c>
      <c r="F42" s="7">
        <v>46239784.280000001</v>
      </c>
      <c r="G42" s="7">
        <v>0.47</v>
      </c>
      <c r="H42" s="7">
        <v>154629971.72</v>
      </c>
      <c r="I42" s="7">
        <v>10039987.710000001</v>
      </c>
      <c r="J42" s="7">
        <v>16781777.57</v>
      </c>
      <c r="K42" s="7">
        <v>0.21</v>
      </c>
      <c r="L42" s="7">
        <v>184087978.43000001</v>
      </c>
    </row>
    <row r="43" spans="1:12" x14ac:dyDescent="0.25">
      <c r="A43" s="2" t="s">
        <v>79</v>
      </c>
      <c r="B43" s="4" t="s">
        <v>400</v>
      </c>
      <c r="C43" s="7">
        <v>500</v>
      </c>
      <c r="D43" s="7">
        <v>0</v>
      </c>
      <c r="E43" s="7">
        <v>0</v>
      </c>
      <c r="F43" s="7">
        <v>0</v>
      </c>
      <c r="G43" s="7">
        <v>0</v>
      </c>
      <c r="H43" s="7">
        <v>0</v>
      </c>
      <c r="I43" s="7">
        <v>0</v>
      </c>
      <c r="J43" s="7">
        <v>0</v>
      </c>
      <c r="K43" s="7">
        <v>0</v>
      </c>
      <c r="L43" s="7">
        <v>0</v>
      </c>
    </row>
    <row r="44" spans="1:12" x14ac:dyDescent="0.25">
      <c r="A44" s="2" t="s">
        <v>81</v>
      </c>
      <c r="B44" s="4" t="s">
        <v>401</v>
      </c>
      <c r="C44" s="7">
        <v>200</v>
      </c>
      <c r="D44" s="7">
        <v>0</v>
      </c>
      <c r="E44" s="7">
        <v>0</v>
      </c>
      <c r="F44" s="7">
        <v>0</v>
      </c>
      <c r="G44" s="7">
        <v>0</v>
      </c>
      <c r="H44" s="7">
        <v>0</v>
      </c>
      <c r="I44" s="7">
        <v>0</v>
      </c>
      <c r="J44" s="7">
        <v>0</v>
      </c>
      <c r="K44" s="7">
        <v>0</v>
      </c>
      <c r="L44" s="7">
        <v>0</v>
      </c>
    </row>
    <row r="45" spans="1:12" x14ac:dyDescent="0.25">
      <c r="A45" s="2" t="s">
        <v>83</v>
      </c>
      <c r="B45" s="4" t="s">
        <v>402</v>
      </c>
      <c r="C45" s="7">
        <v>357700</v>
      </c>
      <c r="D45" s="7">
        <v>357700</v>
      </c>
      <c r="E45" s="7">
        <v>0</v>
      </c>
      <c r="F45" s="7">
        <v>0</v>
      </c>
      <c r="G45" s="7">
        <v>0</v>
      </c>
      <c r="H45" s="7">
        <v>357700</v>
      </c>
      <c r="I45" s="7">
        <v>0</v>
      </c>
      <c r="J45" s="7">
        <v>0</v>
      </c>
      <c r="K45" s="7">
        <v>0</v>
      </c>
      <c r="L45" s="7">
        <v>357700</v>
      </c>
    </row>
    <row r="46" spans="1:12" x14ac:dyDescent="0.25">
      <c r="A46" s="3" t="s">
        <v>85</v>
      </c>
      <c r="B46" s="5" t="s">
        <v>403</v>
      </c>
      <c r="C46" s="6">
        <v>241550900</v>
      </c>
      <c r="D46" s="6">
        <v>233794900</v>
      </c>
      <c r="E46" s="6">
        <v>26851814.780000001</v>
      </c>
      <c r="F46" s="6">
        <v>77501008.030000001</v>
      </c>
      <c r="G46" s="6">
        <v>0.8</v>
      </c>
      <c r="H46" s="6">
        <v>156293891.97</v>
      </c>
      <c r="I46" s="6">
        <v>28772602.719999999</v>
      </c>
      <c r="J46" s="6">
        <v>75363661.290000007</v>
      </c>
      <c r="K46" s="6">
        <v>0.96</v>
      </c>
      <c r="L46" s="6">
        <v>158431238.71000001</v>
      </c>
    </row>
    <row r="47" spans="1:12" x14ac:dyDescent="0.25">
      <c r="A47" s="2" t="s">
        <v>87</v>
      </c>
      <c r="B47" s="4" t="s">
        <v>384</v>
      </c>
      <c r="C47" s="7">
        <v>62523900</v>
      </c>
      <c r="D47" s="7">
        <v>54386200</v>
      </c>
      <c r="E47" s="7">
        <v>9201285.1400000006</v>
      </c>
      <c r="F47" s="7">
        <v>25382188.059999999</v>
      </c>
      <c r="G47" s="7">
        <v>0.26</v>
      </c>
      <c r="H47" s="7">
        <v>29004011.940000001</v>
      </c>
      <c r="I47" s="7">
        <v>9177601.7799999993</v>
      </c>
      <c r="J47" s="7">
        <v>25154916</v>
      </c>
      <c r="K47" s="7">
        <v>0.32</v>
      </c>
      <c r="L47" s="7">
        <v>29231284</v>
      </c>
    </row>
    <row r="48" spans="1:12" x14ac:dyDescent="0.25">
      <c r="A48" s="2" t="s">
        <v>89</v>
      </c>
      <c r="B48" s="4" t="s">
        <v>404</v>
      </c>
      <c r="C48" s="7">
        <v>5842000</v>
      </c>
      <c r="D48" s="7">
        <v>5842000</v>
      </c>
      <c r="E48" s="7">
        <v>0</v>
      </c>
      <c r="F48" s="7">
        <v>0</v>
      </c>
      <c r="G48" s="7">
        <v>0</v>
      </c>
      <c r="H48" s="7">
        <v>5842000</v>
      </c>
      <c r="I48" s="7">
        <v>0</v>
      </c>
      <c r="J48" s="7">
        <v>0</v>
      </c>
      <c r="K48" s="7">
        <v>0</v>
      </c>
      <c r="L48" s="7">
        <v>5842000</v>
      </c>
    </row>
    <row r="49" spans="1:12" x14ac:dyDescent="0.25">
      <c r="A49" s="2" t="s">
        <v>91</v>
      </c>
      <c r="B49" s="4" t="s">
        <v>401</v>
      </c>
      <c r="C49" s="7">
        <v>1170900</v>
      </c>
      <c r="D49" s="7">
        <v>1170900</v>
      </c>
      <c r="E49" s="7">
        <v>0</v>
      </c>
      <c r="F49" s="7">
        <v>0</v>
      </c>
      <c r="G49" s="7">
        <v>0</v>
      </c>
      <c r="H49" s="7">
        <v>1170900</v>
      </c>
      <c r="I49" s="7">
        <v>0</v>
      </c>
      <c r="J49" s="7">
        <v>0</v>
      </c>
      <c r="K49" s="7">
        <v>0</v>
      </c>
      <c r="L49" s="7">
        <v>1170900</v>
      </c>
    </row>
    <row r="50" spans="1:12" x14ac:dyDescent="0.25">
      <c r="A50" s="2" t="s">
        <v>93</v>
      </c>
      <c r="B50" s="4" t="s">
        <v>405</v>
      </c>
      <c r="C50" s="7">
        <v>148970100</v>
      </c>
      <c r="D50" s="7">
        <v>149351800</v>
      </c>
      <c r="E50" s="7">
        <v>17134786.510000002</v>
      </c>
      <c r="F50" s="7">
        <v>47562643.700000003</v>
      </c>
      <c r="G50" s="7">
        <v>0.49</v>
      </c>
      <c r="H50" s="7">
        <v>101789156.3</v>
      </c>
      <c r="I50" s="7">
        <v>18765191.34</v>
      </c>
      <c r="J50" s="7">
        <v>46068171.869999997</v>
      </c>
      <c r="K50" s="7">
        <v>0.59</v>
      </c>
      <c r="L50" s="7">
        <v>103283628.13</v>
      </c>
    </row>
    <row r="51" spans="1:12" x14ac:dyDescent="0.25">
      <c r="A51" s="2" t="s">
        <v>95</v>
      </c>
      <c r="B51" s="4" t="s">
        <v>406</v>
      </c>
      <c r="C51" s="7">
        <v>22000000</v>
      </c>
      <c r="D51" s="7">
        <v>22000000</v>
      </c>
      <c r="E51" s="7">
        <v>513883.61</v>
      </c>
      <c r="F51" s="7">
        <v>3722770.92</v>
      </c>
      <c r="G51" s="7">
        <v>0.04</v>
      </c>
      <c r="H51" s="7">
        <v>18277229.079999998</v>
      </c>
      <c r="I51" s="7">
        <v>827959.43</v>
      </c>
      <c r="J51" s="7">
        <v>3307183.7</v>
      </c>
      <c r="K51" s="7">
        <v>0.04</v>
      </c>
      <c r="L51" s="7">
        <v>18692816.300000001</v>
      </c>
    </row>
    <row r="52" spans="1:12" x14ac:dyDescent="0.25">
      <c r="A52" s="2" t="s">
        <v>97</v>
      </c>
      <c r="B52" s="4" t="s">
        <v>391</v>
      </c>
      <c r="C52" s="7">
        <v>1033200</v>
      </c>
      <c r="D52" s="7">
        <v>1033200</v>
      </c>
      <c r="E52" s="7">
        <v>0</v>
      </c>
      <c r="F52" s="7">
        <v>827850.29</v>
      </c>
      <c r="G52" s="7">
        <v>0.01</v>
      </c>
      <c r="H52" s="7">
        <v>205349.71</v>
      </c>
      <c r="I52" s="7">
        <v>0</v>
      </c>
      <c r="J52" s="7">
        <v>827850.29</v>
      </c>
      <c r="K52" s="7">
        <v>0.01</v>
      </c>
      <c r="L52" s="7">
        <v>205349.71</v>
      </c>
    </row>
    <row r="53" spans="1:12" x14ac:dyDescent="0.25">
      <c r="A53" s="2" t="s">
        <v>99</v>
      </c>
      <c r="B53" s="4" t="s">
        <v>407</v>
      </c>
      <c r="C53" s="7">
        <v>10800</v>
      </c>
      <c r="D53" s="7">
        <v>10800</v>
      </c>
      <c r="E53" s="7">
        <v>1859.52</v>
      </c>
      <c r="F53" s="7">
        <v>5555.06</v>
      </c>
      <c r="G53" s="7">
        <v>0</v>
      </c>
      <c r="H53" s="7">
        <v>5244.94</v>
      </c>
      <c r="I53" s="7">
        <v>1850.17</v>
      </c>
      <c r="J53" s="7">
        <v>5539.43</v>
      </c>
      <c r="K53" s="7">
        <v>0</v>
      </c>
      <c r="L53" s="7">
        <v>5260.57</v>
      </c>
    </row>
    <row r="54" spans="1:12" x14ac:dyDescent="0.25">
      <c r="A54" s="3" t="s">
        <v>101</v>
      </c>
      <c r="B54" s="5" t="s">
        <v>408</v>
      </c>
      <c r="C54" s="6">
        <v>2736295900</v>
      </c>
      <c r="D54" s="6">
        <v>2836295900</v>
      </c>
      <c r="E54" s="6">
        <v>590032658.34000003</v>
      </c>
      <c r="F54" s="6">
        <v>2015752718.8399999</v>
      </c>
      <c r="G54" s="6">
        <v>20.68</v>
      </c>
      <c r="H54" s="6">
        <v>820543181.15999997</v>
      </c>
      <c r="I54" s="6">
        <v>504803841.85000002</v>
      </c>
      <c r="J54" s="6">
        <v>1854552420.23</v>
      </c>
      <c r="K54" s="6">
        <v>23.68</v>
      </c>
      <c r="L54" s="6">
        <v>981743479.76999998</v>
      </c>
    </row>
    <row r="55" spans="1:12" x14ac:dyDescent="0.25">
      <c r="A55" s="2" t="s">
        <v>103</v>
      </c>
      <c r="B55" s="4" t="s">
        <v>396</v>
      </c>
      <c r="C55" s="7">
        <v>2736295900</v>
      </c>
      <c r="D55" s="7">
        <v>2836295900</v>
      </c>
      <c r="E55" s="7">
        <v>590032658.34000003</v>
      </c>
      <c r="F55" s="7">
        <v>2015752718.8399999</v>
      </c>
      <c r="G55" s="7">
        <v>20.68</v>
      </c>
      <c r="H55" s="7">
        <v>820543181.15999997</v>
      </c>
      <c r="I55" s="7">
        <v>504803841.85000002</v>
      </c>
      <c r="J55" s="7">
        <v>1854552420.23</v>
      </c>
      <c r="K55" s="7">
        <v>23.68</v>
      </c>
      <c r="L55" s="7">
        <v>981743479.76999998</v>
      </c>
    </row>
    <row r="56" spans="1:12" x14ac:dyDescent="0.25">
      <c r="A56" s="3" t="s">
        <v>105</v>
      </c>
      <c r="B56" s="5" t="s">
        <v>409</v>
      </c>
      <c r="C56" s="6">
        <v>1601289800</v>
      </c>
      <c r="D56" s="6">
        <v>1814395255.74</v>
      </c>
      <c r="E56" s="6">
        <v>265814240.81</v>
      </c>
      <c r="F56" s="6">
        <v>795240776.50999999</v>
      </c>
      <c r="G56" s="6">
        <v>8.16</v>
      </c>
      <c r="H56" s="6">
        <v>1019154479.23</v>
      </c>
      <c r="I56" s="6">
        <v>239397662.52000001</v>
      </c>
      <c r="J56" s="6">
        <v>660082063.57000005</v>
      </c>
      <c r="K56" s="6">
        <v>8.42</v>
      </c>
      <c r="L56" s="6">
        <v>1154313192.1700001</v>
      </c>
    </row>
    <row r="57" spans="1:12" x14ac:dyDescent="0.25">
      <c r="A57" s="2" t="s">
        <v>107</v>
      </c>
      <c r="B57" s="4" t="s">
        <v>384</v>
      </c>
      <c r="C57" s="7">
        <v>361654800</v>
      </c>
      <c r="D57" s="7">
        <v>371651677.07999998</v>
      </c>
      <c r="E57" s="7">
        <v>71337125.799999997</v>
      </c>
      <c r="F57" s="7">
        <v>236781813.94999999</v>
      </c>
      <c r="G57" s="7">
        <v>2.4300000000000002</v>
      </c>
      <c r="H57" s="7">
        <v>134869863.13</v>
      </c>
      <c r="I57" s="7">
        <v>74700789.290000007</v>
      </c>
      <c r="J57" s="7">
        <v>227359106.21000001</v>
      </c>
      <c r="K57" s="7">
        <v>2.9</v>
      </c>
      <c r="L57" s="7">
        <v>144292570.87</v>
      </c>
    </row>
    <row r="58" spans="1:12" x14ac:dyDescent="0.25">
      <c r="A58" s="2" t="s">
        <v>109</v>
      </c>
      <c r="B58" s="4" t="s">
        <v>386</v>
      </c>
      <c r="C58" s="7">
        <v>4797300</v>
      </c>
      <c r="D58" s="7">
        <v>4797300</v>
      </c>
      <c r="E58" s="7">
        <v>134982.70000000001</v>
      </c>
      <c r="F58" s="7">
        <v>1196873.8600000001</v>
      </c>
      <c r="G58" s="7">
        <v>0.01</v>
      </c>
      <c r="H58" s="7">
        <v>3600426.14</v>
      </c>
      <c r="I58" s="7">
        <v>106931.08</v>
      </c>
      <c r="J58" s="7">
        <v>232280.17</v>
      </c>
      <c r="K58" s="7">
        <v>0</v>
      </c>
      <c r="L58" s="7">
        <v>4565019.83</v>
      </c>
    </row>
    <row r="59" spans="1:12" x14ac:dyDescent="0.25">
      <c r="A59" s="2" t="s">
        <v>111</v>
      </c>
      <c r="B59" s="4" t="s">
        <v>410</v>
      </c>
      <c r="C59" s="7">
        <v>69829000</v>
      </c>
      <c r="D59" s="7">
        <v>67979000</v>
      </c>
      <c r="E59" s="7">
        <v>9783186.3000000007</v>
      </c>
      <c r="F59" s="7">
        <v>30746752.43</v>
      </c>
      <c r="G59" s="7">
        <v>0.32</v>
      </c>
      <c r="H59" s="7">
        <v>37232247.57</v>
      </c>
      <c r="I59" s="7">
        <v>9309305.8699999992</v>
      </c>
      <c r="J59" s="7">
        <v>22205634.07</v>
      </c>
      <c r="K59" s="7">
        <v>0.28000000000000003</v>
      </c>
      <c r="L59" s="7">
        <v>45773365.93</v>
      </c>
    </row>
    <row r="60" spans="1:12" x14ac:dyDescent="0.25">
      <c r="A60" s="2" t="s">
        <v>113</v>
      </c>
      <c r="B60" s="4" t="s">
        <v>411</v>
      </c>
      <c r="C60" s="7">
        <v>985422100</v>
      </c>
      <c r="D60" s="7">
        <v>1104924841.6600001</v>
      </c>
      <c r="E60" s="7">
        <v>148010109.55000001</v>
      </c>
      <c r="F60" s="7">
        <v>419753767.93000001</v>
      </c>
      <c r="G60" s="7">
        <v>4.3099999999999996</v>
      </c>
      <c r="H60" s="7">
        <v>685171073.73000002</v>
      </c>
      <c r="I60" s="7">
        <v>120664752.91</v>
      </c>
      <c r="J60" s="7">
        <v>323898160.36000001</v>
      </c>
      <c r="K60" s="7">
        <v>4.1399999999999997</v>
      </c>
      <c r="L60" s="7">
        <v>781026681.29999995</v>
      </c>
    </row>
    <row r="61" spans="1:12" x14ac:dyDescent="0.25">
      <c r="A61" s="2" t="s">
        <v>115</v>
      </c>
      <c r="B61" s="4" t="s">
        <v>412</v>
      </c>
      <c r="C61" s="7">
        <v>92524600</v>
      </c>
      <c r="D61" s="7">
        <v>88749978</v>
      </c>
      <c r="E61" s="7">
        <v>8654585.8900000006</v>
      </c>
      <c r="F61" s="7">
        <v>33426460.579999998</v>
      </c>
      <c r="G61" s="7">
        <v>0.34</v>
      </c>
      <c r="H61" s="7">
        <v>55323517.420000002</v>
      </c>
      <c r="I61" s="7">
        <v>7979992.3300000001</v>
      </c>
      <c r="J61" s="7">
        <v>24352808.809999999</v>
      </c>
      <c r="K61" s="7">
        <v>0.31</v>
      </c>
      <c r="L61" s="7">
        <v>64397169.189999998</v>
      </c>
    </row>
    <row r="62" spans="1:12" x14ac:dyDescent="0.25">
      <c r="A62" s="2" t="s">
        <v>117</v>
      </c>
      <c r="B62" s="4" t="s">
        <v>413</v>
      </c>
      <c r="C62" s="7">
        <v>2631900</v>
      </c>
      <c r="D62" s="7">
        <v>2631900</v>
      </c>
      <c r="E62" s="7">
        <v>33901.699999999997</v>
      </c>
      <c r="F62" s="7">
        <v>96360.02</v>
      </c>
      <c r="G62" s="7">
        <v>0</v>
      </c>
      <c r="H62" s="7">
        <v>2535539.98</v>
      </c>
      <c r="I62" s="7">
        <v>17870.79</v>
      </c>
      <c r="J62" s="7">
        <v>36674.9</v>
      </c>
      <c r="K62" s="7">
        <v>0</v>
      </c>
      <c r="L62" s="7">
        <v>2595225.1</v>
      </c>
    </row>
    <row r="63" spans="1:12" x14ac:dyDescent="0.25">
      <c r="A63" s="2" t="s">
        <v>119</v>
      </c>
      <c r="B63" s="4" t="s">
        <v>414</v>
      </c>
      <c r="C63" s="7">
        <v>48339700</v>
      </c>
      <c r="D63" s="7">
        <v>137565695</v>
      </c>
      <c r="E63" s="7">
        <v>18884219.73</v>
      </c>
      <c r="F63" s="7">
        <v>52538795.240000002</v>
      </c>
      <c r="G63" s="7">
        <v>0.54</v>
      </c>
      <c r="H63" s="7">
        <v>85026899.760000005</v>
      </c>
      <c r="I63" s="7">
        <v>18074002.449999999</v>
      </c>
      <c r="J63" s="7">
        <v>44762734.009999998</v>
      </c>
      <c r="K63" s="7">
        <v>0.56999999999999995</v>
      </c>
      <c r="L63" s="7">
        <v>92802960.989999995</v>
      </c>
    </row>
    <row r="64" spans="1:12" x14ac:dyDescent="0.25">
      <c r="A64" s="2" t="s">
        <v>120</v>
      </c>
      <c r="B64" s="4" t="s">
        <v>415</v>
      </c>
      <c r="C64" s="7">
        <v>34670700</v>
      </c>
      <c r="D64" s="7">
        <v>34670700</v>
      </c>
      <c r="E64" s="7">
        <v>8910630.4800000004</v>
      </c>
      <c r="F64" s="7">
        <v>20337847.600000001</v>
      </c>
      <c r="G64" s="7">
        <v>0.21</v>
      </c>
      <c r="H64" s="7">
        <v>14332852.4</v>
      </c>
      <c r="I64" s="7">
        <v>8478519.1400000006</v>
      </c>
      <c r="J64" s="7">
        <v>17038560.140000001</v>
      </c>
      <c r="K64" s="7">
        <v>0.22</v>
      </c>
      <c r="L64" s="7">
        <v>17632139.859999999</v>
      </c>
    </row>
    <row r="65" spans="1:12" x14ac:dyDescent="0.25">
      <c r="A65" s="2" t="s">
        <v>121</v>
      </c>
      <c r="B65" s="4" t="s">
        <v>416</v>
      </c>
      <c r="C65" s="7">
        <v>0</v>
      </c>
      <c r="D65" s="7">
        <v>0</v>
      </c>
      <c r="E65" s="7">
        <v>0</v>
      </c>
      <c r="F65" s="7">
        <v>0</v>
      </c>
      <c r="G65" s="7">
        <v>0</v>
      </c>
      <c r="H65" s="7">
        <v>0</v>
      </c>
      <c r="I65" s="7">
        <v>0</v>
      </c>
      <c r="J65" s="7">
        <v>0</v>
      </c>
      <c r="K65" s="7">
        <v>0</v>
      </c>
      <c r="L65" s="7">
        <v>0</v>
      </c>
    </row>
    <row r="66" spans="1:12" x14ac:dyDescent="0.25">
      <c r="A66" s="2" t="s">
        <v>122</v>
      </c>
      <c r="B66" s="4" t="s">
        <v>391</v>
      </c>
      <c r="C66" s="7">
        <v>1031000</v>
      </c>
      <c r="D66" s="7">
        <v>1031000</v>
      </c>
      <c r="E66" s="7">
        <v>0</v>
      </c>
      <c r="F66" s="7">
        <v>166000</v>
      </c>
      <c r="G66" s="7">
        <v>0</v>
      </c>
      <c r="H66" s="7">
        <v>865000</v>
      </c>
      <c r="I66" s="7">
        <v>0</v>
      </c>
      <c r="J66" s="7">
        <v>0</v>
      </c>
      <c r="K66" s="7">
        <v>0</v>
      </c>
      <c r="L66" s="7">
        <v>1031000</v>
      </c>
    </row>
    <row r="67" spans="1:12" x14ac:dyDescent="0.25">
      <c r="A67" s="2" t="s">
        <v>123</v>
      </c>
      <c r="B67" s="4" t="s">
        <v>407</v>
      </c>
      <c r="C67" s="7">
        <v>388700</v>
      </c>
      <c r="D67" s="7">
        <v>393164</v>
      </c>
      <c r="E67" s="7">
        <v>65498.66</v>
      </c>
      <c r="F67" s="7">
        <v>196104.9</v>
      </c>
      <c r="G67" s="7">
        <v>0</v>
      </c>
      <c r="H67" s="7">
        <v>197059.1</v>
      </c>
      <c r="I67" s="7">
        <v>65498.66</v>
      </c>
      <c r="J67" s="7">
        <v>196104.9</v>
      </c>
      <c r="K67" s="7">
        <v>0</v>
      </c>
      <c r="L67" s="7">
        <v>197059.1</v>
      </c>
    </row>
    <row r="68" spans="1:12" x14ac:dyDescent="0.25">
      <c r="A68" s="3" t="s">
        <v>124</v>
      </c>
      <c r="B68" s="5" t="s">
        <v>417</v>
      </c>
      <c r="C68" s="6">
        <v>10527800</v>
      </c>
      <c r="D68" s="6">
        <v>20333755</v>
      </c>
      <c r="E68" s="6">
        <v>3181875.88</v>
      </c>
      <c r="F68" s="6">
        <v>6836261.1399999997</v>
      </c>
      <c r="G68" s="6">
        <v>7.0000000000000007E-2</v>
      </c>
      <c r="H68" s="6">
        <v>13497493.859999999</v>
      </c>
      <c r="I68" s="6">
        <v>2810666.32</v>
      </c>
      <c r="J68" s="6">
        <v>6249945.7300000004</v>
      </c>
      <c r="K68" s="6">
        <v>0.08</v>
      </c>
      <c r="L68" s="6">
        <v>14083809.27</v>
      </c>
    </row>
    <row r="69" spans="1:12" x14ac:dyDescent="0.25">
      <c r="A69" s="2" t="s">
        <v>125</v>
      </c>
      <c r="B69" s="4" t="s">
        <v>384</v>
      </c>
      <c r="C69" s="7">
        <v>10178200</v>
      </c>
      <c r="D69" s="7">
        <v>19974155</v>
      </c>
      <c r="E69" s="7">
        <v>3171695.67</v>
      </c>
      <c r="F69" s="7">
        <v>6805781.5</v>
      </c>
      <c r="G69" s="7">
        <v>7.0000000000000007E-2</v>
      </c>
      <c r="H69" s="7">
        <v>13168373.5</v>
      </c>
      <c r="I69" s="7">
        <v>2800486.11</v>
      </c>
      <c r="J69" s="7">
        <v>6219466.0899999999</v>
      </c>
      <c r="K69" s="7">
        <v>0.08</v>
      </c>
      <c r="L69" s="7">
        <v>13754688.91</v>
      </c>
    </row>
    <row r="70" spans="1:12" x14ac:dyDescent="0.25">
      <c r="A70" s="2" t="s">
        <v>126</v>
      </c>
      <c r="B70" s="4" t="s">
        <v>418</v>
      </c>
      <c r="C70" s="7">
        <v>289300</v>
      </c>
      <c r="D70" s="7">
        <v>299300</v>
      </c>
      <c r="E70" s="7">
        <v>0</v>
      </c>
      <c r="F70" s="7">
        <v>0</v>
      </c>
      <c r="G70" s="7">
        <v>0</v>
      </c>
      <c r="H70" s="7">
        <v>299300</v>
      </c>
      <c r="I70" s="7">
        <v>0</v>
      </c>
      <c r="J70" s="7">
        <v>0</v>
      </c>
      <c r="K70" s="7">
        <v>0</v>
      </c>
      <c r="L70" s="7">
        <v>299300</v>
      </c>
    </row>
    <row r="71" spans="1:12" x14ac:dyDescent="0.25">
      <c r="A71" s="2" t="s">
        <v>127</v>
      </c>
      <c r="B71" s="4" t="s">
        <v>407</v>
      </c>
      <c r="C71" s="7">
        <v>60300</v>
      </c>
      <c r="D71" s="7">
        <v>60300</v>
      </c>
      <c r="E71" s="7">
        <v>10180.209999999999</v>
      </c>
      <c r="F71" s="7">
        <v>30479.64</v>
      </c>
      <c r="G71" s="7">
        <v>0</v>
      </c>
      <c r="H71" s="7">
        <v>29820.36</v>
      </c>
      <c r="I71" s="7">
        <v>10180.209999999999</v>
      </c>
      <c r="J71" s="7">
        <v>30479.64</v>
      </c>
      <c r="K71" s="7">
        <v>0</v>
      </c>
      <c r="L71" s="7">
        <v>29820.36</v>
      </c>
    </row>
    <row r="72" spans="1:12" x14ac:dyDescent="0.25">
      <c r="A72" s="3" t="s">
        <v>129</v>
      </c>
      <c r="B72" s="5" t="s">
        <v>419</v>
      </c>
      <c r="C72" s="6">
        <v>1951359600</v>
      </c>
      <c r="D72" s="6">
        <v>2156667859.25</v>
      </c>
      <c r="E72" s="6">
        <v>319628408.24000001</v>
      </c>
      <c r="F72" s="6">
        <v>965643169.78999996</v>
      </c>
      <c r="G72" s="6">
        <v>9.91</v>
      </c>
      <c r="H72" s="6">
        <v>1191024689.46</v>
      </c>
      <c r="I72" s="6">
        <v>275153064.95999998</v>
      </c>
      <c r="J72" s="6">
        <v>824166575.72000003</v>
      </c>
      <c r="K72" s="6">
        <v>10.53</v>
      </c>
      <c r="L72" s="6">
        <v>1332501283.53</v>
      </c>
    </row>
    <row r="73" spans="1:12" x14ac:dyDescent="0.25">
      <c r="A73" s="2" t="s">
        <v>131</v>
      </c>
      <c r="B73" s="4" t="s">
        <v>384</v>
      </c>
      <c r="C73" s="7">
        <v>1479256100</v>
      </c>
      <c r="D73" s="7">
        <v>1586365859.25</v>
      </c>
      <c r="E73" s="7">
        <v>275546758.87</v>
      </c>
      <c r="F73" s="7">
        <v>782917669.88</v>
      </c>
      <c r="G73" s="7">
        <v>8.0299999999999994</v>
      </c>
      <c r="H73" s="7">
        <v>803448189.37</v>
      </c>
      <c r="I73" s="7">
        <v>252978085.56999999</v>
      </c>
      <c r="J73" s="7">
        <v>745765214.60000002</v>
      </c>
      <c r="K73" s="7">
        <v>9.52</v>
      </c>
      <c r="L73" s="7">
        <v>840600644.64999998</v>
      </c>
    </row>
    <row r="74" spans="1:12" x14ac:dyDescent="0.25">
      <c r="A74" s="2" t="s">
        <v>133</v>
      </c>
      <c r="B74" s="4" t="s">
        <v>420</v>
      </c>
      <c r="C74" s="7">
        <v>10570400</v>
      </c>
      <c r="D74" s="7">
        <v>7270400</v>
      </c>
      <c r="E74" s="7">
        <v>188108.4</v>
      </c>
      <c r="F74" s="7">
        <v>643119.82999999996</v>
      </c>
      <c r="G74" s="7">
        <v>0.01</v>
      </c>
      <c r="H74" s="7">
        <v>6627280.1699999999</v>
      </c>
      <c r="I74" s="7">
        <v>188108.4</v>
      </c>
      <c r="J74" s="7">
        <v>549065.63</v>
      </c>
      <c r="K74" s="7">
        <v>0.01</v>
      </c>
      <c r="L74" s="7">
        <v>6721334.3700000001</v>
      </c>
    </row>
    <row r="75" spans="1:12" x14ac:dyDescent="0.25">
      <c r="A75" s="2" t="s">
        <v>135</v>
      </c>
      <c r="B75" s="4" t="s">
        <v>421</v>
      </c>
      <c r="C75" s="7">
        <v>21377600</v>
      </c>
      <c r="D75" s="7">
        <v>22089193</v>
      </c>
      <c r="E75" s="7">
        <v>9529450</v>
      </c>
      <c r="F75" s="7">
        <v>17082183.530000001</v>
      </c>
      <c r="G75" s="7">
        <v>0.18</v>
      </c>
      <c r="H75" s="7">
        <v>5007009.47</v>
      </c>
      <c r="I75" s="7">
        <v>8907.6</v>
      </c>
      <c r="J75" s="7">
        <v>7552733.5300000003</v>
      </c>
      <c r="K75" s="7">
        <v>0.1</v>
      </c>
      <c r="L75" s="7">
        <v>14536459.470000001</v>
      </c>
    </row>
    <row r="76" spans="1:12" x14ac:dyDescent="0.25">
      <c r="A76" s="2" t="s">
        <v>137</v>
      </c>
      <c r="B76" s="4" t="s">
        <v>422</v>
      </c>
      <c r="C76" s="7">
        <v>52575300</v>
      </c>
      <c r="D76" s="7">
        <v>43027600</v>
      </c>
      <c r="E76" s="7">
        <v>759483.16</v>
      </c>
      <c r="F76" s="7">
        <v>1769848.13</v>
      </c>
      <c r="G76" s="7">
        <v>0.02</v>
      </c>
      <c r="H76" s="7">
        <v>41257751.869999997</v>
      </c>
      <c r="I76" s="7">
        <v>546914.5</v>
      </c>
      <c r="J76" s="7">
        <v>1215555.8500000001</v>
      </c>
      <c r="K76" s="7">
        <v>0.02</v>
      </c>
      <c r="L76" s="7">
        <v>41812044.149999999</v>
      </c>
    </row>
    <row r="77" spans="1:12" x14ac:dyDescent="0.25">
      <c r="A77" s="2" t="s">
        <v>139</v>
      </c>
      <c r="B77" s="4" t="s">
        <v>406</v>
      </c>
      <c r="C77" s="7">
        <v>28482800</v>
      </c>
      <c r="D77" s="7">
        <v>28948000</v>
      </c>
      <c r="E77" s="7">
        <v>1119543.52</v>
      </c>
      <c r="F77" s="7">
        <v>5083763.18</v>
      </c>
      <c r="G77" s="7">
        <v>0.05</v>
      </c>
      <c r="H77" s="7">
        <v>23864236.82</v>
      </c>
      <c r="I77" s="7">
        <v>1023731.33</v>
      </c>
      <c r="J77" s="7">
        <v>4032993.37</v>
      </c>
      <c r="K77" s="7">
        <v>0.05</v>
      </c>
      <c r="L77" s="7">
        <v>24915006.629999999</v>
      </c>
    </row>
    <row r="78" spans="1:12" x14ac:dyDescent="0.25">
      <c r="A78" s="2" t="s">
        <v>141</v>
      </c>
      <c r="B78" s="4" t="s">
        <v>423</v>
      </c>
      <c r="C78" s="7">
        <v>4316600</v>
      </c>
      <c r="D78" s="7">
        <v>4316600</v>
      </c>
      <c r="E78" s="7">
        <v>0</v>
      </c>
      <c r="F78" s="7">
        <v>0</v>
      </c>
      <c r="G78" s="7">
        <v>0</v>
      </c>
      <c r="H78" s="7">
        <v>4316600</v>
      </c>
      <c r="I78" s="7">
        <v>0</v>
      </c>
      <c r="J78" s="7">
        <v>0</v>
      </c>
      <c r="K78" s="7">
        <v>0</v>
      </c>
      <c r="L78" s="7">
        <v>4316600</v>
      </c>
    </row>
    <row r="79" spans="1:12" x14ac:dyDescent="0.25">
      <c r="A79" s="2" t="s">
        <v>143</v>
      </c>
      <c r="B79" s="4" t="s">
        <v>424</v>
      </c>
      <c r="C79" s="7">
        <v>13712900</v>
      </c>
      <c r="D79" s="7">
        <v>13712900</v>
      </c>
      <c r="E79" s="7">
        <v>638809.78</v>
      </c>
      <c r="F79" s="7">
        <v>2199595.5099999998</v>
      </c>
      <c r="G79" s="7">
        <v>0.02</v>
      </c>
      <c r="H79" s="7">
        <v>11513304.49</v>
      </c>
      <c r="I79" s="7">
        <v>129502.26</v>
      </c>
      <c r="J79" s="7">
        <v>1686887.99</v>
      </c>
      <c r="K79" s="7">
        <v>0.02</v>
      </c>
      <c r="L79" s="7">
        <v>12026012.01</v>
      </c>
    </row>
    <row r="80" spans="1:12" x14ac:dyDescent="0.25">
      <c r="A80" s="2" t="s">
        <v>145</v>
      </c>
      <c r="B80" s="4" t="s">
        <v>425</v>
      </c>
      <c r="C80" s="7">
        <v>319908600</v>
      </c>
      <c r="D80" s="7">
        <v>422844707</v>
      </c>
      <c r="E80" s="7">
        <v>27365328.91</v>
      </c>
      <c r="F80" s="7">
        <v>146830915.16999999</v>
      </c>
      <c r="G80" s="7">
        <v>1.51</v>
      </c>
      <c r="H80" s="7">
        <v>276013791.82999998</v>
      </c>
      <c r="I80" s="7">
        <v>18178776.670000002</v>
      </c>
      <c r="J80" s="7">
        <v>57223601.090000004</v>
      </c>
      <c r="K80" s="7">
        <v>0.73</v>
      </c>
      <c r="L80" s="7">
        <v>365621105.91000003</v>
      </c>
    </row>
    <row r="81" spans="1:12" x14ac:dyDescent="0.25">
      <c r="A81" s="2" t="s">
        <v>147</v>
      </c>
      <c r="B81" s="4" t="s">
        <v>426</v>
      </c>
      <c r="C81" s="7">
        <v>10888300</v>
      </c>
      <c r="D81" s="7">
        <v>17821600</v>
      </c>
      <c r="E81" s="7">
        <v>3025455.18</v>
      </c>
      <c r="F81" s="7">
        <v>4765978.01</v>
      </c>
      <c r="G81" s="7">
        <v>0.05</v>
      </c>
      <c r="H81" s="7">
        <v>13055621.99</v>
      </c>
      <c r="I81" s="7">
        <v>658255.74</v>
      </c>
      <c r="J81" s="7">
        <v>1805114.64</v>
      </c>
      <c r="K81" s="7">
        <v>0.02</v>
      </c>
      <c r="L81" s="7">
        <v>16016485.359999999</v>
      </c>
    </row>
    <row r="82" spans="1:12" x14ac:dyDescent="0.25">
      <c r="A82" s="2" t="s">
        <v>149</v>
      </c>
      <c r="B82" s="4" t="s">
        <v>407</v>
      </c>
      <c r="C82" s="7">
        <v>10271000</v>
      </c>
      <c r="D82" s="7">
        <v>10271000</v>
      </c>
      <c r="E82" s="7">
        <v>1455470.42</v>
      </c>
      <c r="F82" s="7">
        <v>4350096.55</v>
      </c>
      <c r="G82" s="7">
        <v>0.04</v>
      </c>
      <c r="H82" s="7">
        <v>5920903.4500000002</v>
      </c>
      <c r="I82" s="7">
        <v>1440782.89</v>
      </c>
      <c r="J82" s="7">
        <v>4335409.0199999996</v>
      </c>
      <c r="K82" s="7">
        <v>0.06</v>
      </c>
      <c r="L82" s="7">
        <v>5935590.9800000004</v>
      </c>
    </row>
    <row r="83" spans="1:12" x14ac:dyDescent="0.25">
      <c r="A83" s="3" t="s">
        <v>151</v>
      </c>
      <c r="B83" s="5" t="s">
        <v>427</v>
      </c>
      <c r="C83" s="6">
        <v>45372700</v>
      </c>
      <c r="D83" s="6">
        <v>50110983.109999999</v>
      </c>
      <c r="E83" s="6">
        <v>14197039.33</v>
      </c>
      <c r="F83" s="6">
        <v>24059503.940000001</v>
      </c>
      <c r="G83" s="6">
        <v>0.24</v>
      </c>
      <c r="H83" s="6">
        <v>26051479.170000002</v>
      </c>
      <c r="I83" s="6">
        <v>10606755.6</v>
      </c>
      <c r="J83" s="6">
        <v>20206358.850000001</v>
      </c>
      <c r="K83" s="6">
        <v>0.25</v>
      </c>
      <c r="L83" s="6">
        <v>29904624.260000002</v>
      </c>
    </row>
    <row r="84" spans="1:12" x14ac:dyDescent="0.25">
      <c r="A84" s="2" t="s">
        <v>152</v>
      </c>
      <c r="B84" s="4" t="s">
        <v>384</v>
      </c>
      <c r="C84" s="7">
        <v>21707800</v>
      </c>
      <c r="D84" s="7">
        <v>14763883.109999999</v>
      </c>
      <c r="E84" s="7">
        <v>1649686.49</v>
      </c>
      <c r="F84" s="7">
        <v>8273573.6600000001</v>
      </c>
      <c r="G84" s="7">
        <v>0.08</v>
      </c>
      <c r="H84" s="7">
        <v>6490309.4500000002</v>
      </c>
      <c r="I84" s="7">
        <v>1424273.2</v>
      </c>
      <c r="J84" s="7">
        <v>7993049.9100000001</v>
      </c>
      <c r="K84" s="7">
        <v>0.1</v>
      </c>
      <c r="L84" s="7">
        <v>6770833.2000000002</v>
      </c>
    </row>
    <row r="85" spans="1:12" x14ac:dyDescent="0.25">
      <c r="A85" s="2" t="s">
        <v>153</v>
      </c>
      <c r="B85" s="4" t="s">
        <v>428</v>
      </c>
      <c r="C85" s="7">
        <v>12000000</v>
      </c>
      <c r="D85" s="7">
        <v>14462681.380000001</v>
      </c>
      <c r="E85" s="7">
        <v>0</v>
      </c>
      <c r="F85" s="7">
        <v>244412.82</v>
      </c>
      <c r="G85" s="7">
        <v>0</v>
      </c>
      <c r="H85" s="7">
        <v>14218268.560000001</v>
      </c>
      <c r="I85" s="7">
        <v>85544.49</v>
      </c>
      <c r="J85" s="7">
        <v>122206.41</v>
      </c>
      <c r="K85" s="7">
        <v>0</v>
      </c>
      <c r="L85" s="7">
        <v>14340474.970000001</v>
      </c>
    </row>
    <row r="86" spans="1:12" x14ac:dyDescent="0.25">
      <c r="A86" s="2" t="s">
        <v>155</v>
      </c>
      <c r="B86" s="4" t="s">
        <v>429</v>
      </c>
      <c r="C86" s="7">
        <v>11654900</v>
      </c>
      <c r="D86" s="7">
        <v>20884418.620000001</v>
      </c>
      <c r="E86" s="7">
        <v>12547352.84</v>
      </c>
      <c r="F86" s="7">
        <v>15541517.460000001</v>
      </c>
      <c r="G86" s="7">
        <v>0.16</v>
      </c>
      <c r="H86" s="7">
        <v>5342901.16</v>
      </c>
      <c r="I86" s="7">
        <v>9096937.9100000001</v>
      </c>
      <c r="J86" s="7">
        <v>12091102.529999999</v>
      </c>
      <c r="K86" s="7">
        <v>0.15</v>
      </c>
      <c r="L86" s="7">
        <v>8793316.0899999999</v>
      </c>
    </row>
    <row r="87" spans="1:12" x14ac:dyDescent="0.25">
      <c r="A87" s="2" t="s">
        <v>157</v>
      </c>
      <c r="B87" s="4" t="s">
        <v>391</v>
      </c>
      <c r="C87" s="7">
        <v>10000</v>
      </c>
      <c r="D87" s="7">
        <v>0</v>
      </c>
      <c r="E87" s="7">
        <v>0</v>
      </c>
      <c r="F87" s="7">
        <v>0</v>
      </c>
      <c r="G87" s="7">
        <v>0</v>
      </c>
      <c r="H87" s="7">
        <v>0</v>
      </c>
      <c r="I87" s="7">
        <v>0</v>
      </c>
      <c r="J87" s="7">
        <v>0</v>
      </c>
      <c r="K87" s="7">
        <v>0</v>
      </c>
      <c r="L87" s="7">
        <v>0</v>
      </c>
    </row>
    <row r="88" spans="1:12" x14ac:dyDescent="0.25">
      <c r="A88" s="3" t="s">
        <v>159</v>
      </c>
      <c r="B88" s="5" t="s">
        <v>430</v>
      </c>
      <c r="C88" s="6">
        <v>323239300</v>
      </c>
      <c r="D88" s="6">
        <v>330784142</v>
      </c>
      <c r="E88" s="6">
        <v>50167174.119999997</v>
      </c>
      <c r="F88" s="6">
        <v>178568116.43000001</v>
      </c>
      <c r="G88" s="6">
        <v>1.83</v>
      </c>
      <c r="H88" s="6">
        <v>152216025.56999999</v>
      </c>
      <c r="I88" s="6">
        <v>49551968.960000001</v>
      </c>
      <c r="J88" s="6">
        <v>162757003.19</v>
      </c>
      <c r="K88" s="6">
        <v>2.08</v>
      </c>
      <c r="L88" s="6">
        <v>168027138.81</v>
      </c>
    </row>
    <row r="89" spans="1:12" x14ac:dyDescent="0.25">
      <c r="A89" s="2" t="s">
        <v>161</v>
      </c>
      <c r="B89" s="4" t="s">
        <v>395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  <c r="H89" s="7">
        <v>0</v>
      </c>
      <c r="I89" s="7">
        <v>0</v>
      </c>
      <c r="J89" s="7">
        <v>0</v>
      </c>
      <c r="K89" s="7">
        <v>0</v>
      </c>
      <c r="L89" s="7">
        <v>0</v>
      </c>
    </row>
    <row r="90" spans="1:12" x14ac:dyDescent="0.25">
      <c r="A90" s="2" t="s">
        <v>163</v>
      </c>
      <c r="B90" s="4" t="s">
        <v>402</v>
      </c>
      <c r="C90" s="7">
        <v>313369500</v>
      </c>
      <c r="D90" s="7">
        <v>313095757</v>
      </c>
      <c r="E90" s="7">
        <v>49589475.880000003</v>
      </c>
      <c r="F90" s="7">
        <v>176257760.38999999</v>
      </c>
      <c r="G90" s="7">
        <v>1.81</v>
      </c>
      <c r="H90" s="7">
        <v>136837996.61000001</v>
      </c>
      <c r="I90" s="7">
        <v>48937217.780000001</v>
      </c>
      <c r="J90" s="7">
        <v>160616068.86000001</v>
      </c>
      <c r="K90" s="7">
        <v>2.0499999999999998</v>
      </c>
      <c r="L90" s="7">
        <v>152479688.13999999</v>
      </c>
    </row>
    <row r="91" spans="1:12" x14ac:dyDescent="0.25">
      <c r="A91" s="2" t="s">
        <v>176</v>
      </c>
      <c r="B91" s="4" t="s">
        <v>391</v>
      </c>
      <c r="C91" s="7">
        <v>9340000</v>
      </c>
      <c r="D91" s="7">
        <v>17158585</v>
      </c>
      <c r="E91" s="7">
        <v>577698.24</v>
      </c>
      <c r="F91" s="7">
        <v>2310356.04</v>
      </c>
      <c r="G91" s="7">
        <v>0.02</v>
      </c>
      <c r="H91" s="7">
        <v>14848228.960000001</v>
      </c>
      <c r="I91" s="7">
        <v>614751.18000000005</v>
      </c>
      <c r="J91" s="7">
        <v>2140934.33</v>
      </c>
      <c r="K91" s="7">
        <v>0.03</v>
      </c>
      <c r="L91" s="7">
        <v>15017650.67</v>
      </c>
    </row>
    <row r="92" spans="1:12" x14ac:dyDescent="0.25">
      <c r="A92" s="2" t="s">
        <v>178</v>
      </c>
      <c r="B92" s="4" t="s">
        <v>431</v>
      </c>
      <c r="C92" s="7">
        <v>529800</v>
      </c>
      <c r="D92" s="7">
        <v>529800</v>
      </c>
      <c r="E92" s="7">
        <v>0</v>
      </c>
      <c r="F92" s="7">
        <v>0</v>
      </c>
      <c r="G92" s="7">
        <v>0</v>
      </c>
      <c r="H92" s="7">
        <v>529800</v>
      </c>
      <c r="I92" s="7">
        <v>0</v>
      </c>
      <c r="J92" s="7">
        <v>0</v>
      </c>
      <c r="K92" s="7">
        <v>0</v>
      </c>
      <c r="L92" s="7">
        <v>529800</v>
      </c>
    </row>
    <row r="93" spans="1:12" x14ac:dyDescent="0.25">
      <c r="A93" s="3" t="s">
        <v>180</v>
      </c>
      <c r="B93" s="5" t="s">
        <v>432</v>
      </c>
      <c r="C93" s="6">
        <v>0</v>
      </c>
      <c r="D93" s="6">
        <v>0</v>
      </c>
      <c r="E93" s="6">
        <v>0</v>
      </c>
      <c r="F93" s="6">
        <v>0</v>
      </c>
      <c r="G93" s="6">
        <v>0</v>
      </c>
      <c r="H93" s="6">
        <v>0</v>
      </c>
      <c r="I93" s="6">
        <v>0</v>
      </c>
      <c r="J93" s="6">
        <v>0</v>
      </c>
      <c r="K93" s="6">
        <v>0</v>
      </c>
      <c r="L93" s="6">
        <v>0</v>
      </c>
    </row>
    <row r="94" spans="1:12" x14ac:dyDescent="0.25">
      <c r="A94" s="2" t="s">
        <v>182</v>
      </c>
      <c r="B94" s="4" t="s">
        <v>433</v>
      </c>
      <c r="C94" s="7">
        <v>0</v>
      </c>
      <c r="D94" s="7">
        <v>0</v>
      </c>
      <c r="E94" s="7">
        <v>0</v>
      </c>
      <c r="F94" s="7">
        <v>0</v>
      </c>
      <c r="G94" s="7">
        <v>0</v>
      </c>
      <c r="H94" s="7">
        <v>0</v>
      </c>
      <c r="I94" s="7">
        <v>0</v>
      </c>
      <c r="J94" s="7">
        <v>0</v>
      </c>
      <c r="K94" s="7">
        <v>0</v>
      </c>
      <c r="L94" s="7">
        <v>0</v>
      </c>
    </row>
    <row r="95" spans="1:12" x14ac:dyDescent="0.25">
      <c r="A95" s="3" t="s">
        <v>184</v>
      </c>
      <c r="B95" s="5" t="s">
        <v>434</v>
      </c>
      <c r="C95" s="6">
        <v>24190000</v>
      </c>
      <c r="D95" s="6">
        <v>42690377</v>
      </c>
      <c r="E95" s="6">
        <v>2806667.82</v>
      </c>
      <c r="F95" s="6">
        <v>14244125.68</v>
      </c>
      <c r="G95" s="6">
        <v>0.15</v>
      </c>
      <c r="H95" s="6">
        <v>28446251.32</v>
      </c>
      <c r="I95" s="6">
        <v>2916109.44</v>
      </c>
      <c r="J95" s="6">
        <v>7837459.2999999998</v>
      </c>
      <c r="K95" s="6">
        <v>0.1</v>
      </c>
      <c r="L95" s="6">
        <v>34852917.700000003</v>
      </c>
    </row>
    <row r="96" spans="1:12" x14ac:dyDescent="0.25">
      <c r="A96" s="2" t="s">
        <v>186</v>
      </c>
      <c r="B96" s="4" t="s">
        <v>384</v>
      </c>
      <c r="C96" s="7">
        <v>11935800</v>
      </c>
      <c r="D96" s="7">
        <v>14756797</v>
      </c>
      <c r="E96" s="7">
        <v>1558966.25</v>
      </c>
      <c r="F96" s="7">
        <v>4954831.57</v>
      </c>
      <c r="G96" s="7">
        <v>0.05</v>
      </c>
      <c r="H96" s="7">
        <v>9801965.4299999997</v>
      </c>
      <c r="I96" s="7">
        <v>1552543.52</v>
      </c>
      <c r="J96" s="7">
        <v>4564855.13</v>
      </c>
      <c r="K96" s="7">
        <v>0.06</v>
      </c>
      <c r="L96" s="7">
        <v>10191941.869999999</v>
      </c>
    </row>
    <row r="97" spans="1:12" x14ac:dyDescent="0.25">
      <c r="A97" s="2" t="s">
        <v>188</v>
      </c>
      <c r="B97" s="4" t="s">
        <v>393</v>
      </c>
      <c r="C97" s="7">
        <v>1000</v>
      </c>
      <c r="D97" s="7">
        <v>1000</v>
      </c>
      <c r="E97" s="7">
        <v>0</v>
      </c>
      <c r="F97" s="7">
        <v>0</v>
      </c>
      <c r="G97" s="7">
        <v>0</v>
      </c>
      <c r="H97" s="7">
        <v>1000</v>
      </c>
      <c r="I97" s="7">
        <v>0</v>
      </c>
      <c r="J97" s="7">
        <v>0</v>
      </c>
      <c r="K97" s="7">
        <v>0</v>
      </c>
      <c r="L97" s="7">
        <v>1000</v>
      </c>
    </row>
    <row r="98" spans="1:12" x14ac:dyDescent="0.25">
      <c r="A98" s="2" t="s">
        <v>190</v>
      </c>
      <c r="B98" s="4" t="s">
        <v>435</v>
      </c>
      <c r="C98" s="7">
        <v>12253200</v>
      </c>
      <c r="D98" s="7">
        <v>27932580</v>
      </c>
      <c r="E98" s="7">
        <v>1247701.57</v>
      </c>
      <c r="F98" s="7">
        <v>9289294.1099999994</v>
      </c>
      <c r="G98" s="7">
        <v>0.1</v>
      </c>
      <c r="H98" s="7">
        <v>18643285.890000001</v>
      </c>
      <c r="I98" s="7">
        <v>1363565.92</v>
      </c>
      <c r="J98" s="7">
        <v>3272604.17</v>
      </c>
      <c r="K98" s="7">
        <v>0.04</v>
      </c>
      <c r="L98" s="7">
        <v>24659975.829999998</v>
      </c>
    </row>
    <row r="99" spans="1:12" x14ac:dyDescent="0.25">
      <c r="A99" s="3" t="s">
        <v>192</v>
      </c>
      <c r="B99" s="5" t="s">
        <v>436</v>
      </c>
      <c r="C99" s="6">
        <v>124351000</v>
      </c>
      <c r="D99" s="6">
        <v>91904791</v>
      </c>
      <c r="E99" s="6">
        <v>12595146.4</v>
      </c>
      <c r="F99" s="6">
        <v>18953675.699999999</v>
      </c>
      <c r="G99" s="6">
        <v>0.19</v>
      </c>
      <c r="H99" s="6">
        <v>72951115.299999997</v>
      </c>
      <c r="I99" s="6">
        <v>2995489.4</v>
      </c>
      <c r="J99" s="6">
        <v>4088607.61</v>
      </c>
      <c r="K99" s="6">
        <v>0.05</v>
      </c>
      <c r="L99" s="6">
        <v>87816183.390000001</v>
      </c>
    </row>
    <row r="100" spans="1:12" x14ac:dyDescent="0.25">
      <c r="A100" s="2" t="s">
        <v>194</v>
      </c>
      <c r="B100" s="4" t="s">
        <v>437</v>
      </c>
      <c r="C100" s="7">
        <v>124351000</v>
      </c>
      <c r="D100" s="7">
        <v>91904791</v>
      </c>
      <c r="E100" s="7">
        <v>12595146.4</v>
      </c>
      <c r="F100" s="7">
        <v>18953675.699999999</v>
      </c>
      <c r="G100" s="7">
        <v>0.19</v>
      </c>
      <c r="H100" s="7">
        <v>72951115.299999997</v>
      </c>
      <c r="I100" s="7">
        <v>2995489.4</v>
      </c>
      <c r="J100" s="7">
        <v>4088607.61</v>
      </c>
      <c r="K100" s="7">
        <v>0.05</v>
      </c>
      <c r="L100" s="7">
        <v>87816183.390000001</v>
      </c>
    </row>
    <row r="101" spans="1:12" x14ac:dyDescent="0.25">
      <c r="A101" s="3" t="s">
        <v>196</v>
      </c>
      <c r="B101" s="5" t="s">
        <v>438</v>
      </c>
      <c r="C101" s="6">
        <v>92111000</v>
      </c>
      <c r="D101" s="6">
        <v>182487875.46000001</v>
      </c>
      <c r="E101" s="6">
        <v>14693932.939999999</v>
      </c>
      <c r="F101" s="6">
        <v>76130911.790000007</v>
      </c>
      <c r="G101" s="6">
        <v>0.79</v>
      </c>
      <c r="H101" s="6">
        <v>106356963.67</v>
      </c>
      <c r="I101" s="6">
        <v>10173333.93</v>
      </c>
      <c r="J101" s="6">
        <v>25242035.059999999</v>
      </c>
      <c r="K101" s="6">
        <v>0.32</v>
      </c>
      <c r="L101" s="6">
        <v>157245840.40000001</v>
      </c>
    </row>
    <row r="102" spans="1:12" x14ac:dyDescent="0.25">
      <c r="A102" s="2" t="s">
        <v>198</v>
      </c>
      <c r="B102" s="4" t="s">
        <v>384</v>
      </c>
      <c r="C102" s="7">
        <v>44872400</v>
      </c>
      <c r="D102" s="7">
        <v>55031589.460000001</v>
      </c>
      <c r="E102" s="7">
        <v>4167504.06</v>
      </c>
      <c r="F102" s="7">
        <v>14444032.029999999</v>
      </c>
      <c r="G102" s="7">
        <v>0.15</v>
      </c>
      <c r="H102" s="7">
        <v>40587557.43</v>
      </c>
      <c r="I102" s="7">
        <v>4088621.86</v>
      </c>
      <c r="J102" s="7">
        <v>13653588.65</v>
      </c>
      <c r="K102" s="7">
        <v>0.17</v>
      </c>
      <c r="L102" s="7">
        <v>41378000.810000002</v>
      </c>
    </row>
    <row r="103" spans="1:12" x14ac:dyDescent="0.25">
      <c r="A103" s="2" t="s">
        <v>200</v>
      </c>
      <c r="B103" s="4" t="s">
        <v>399</v>
      </c>
      <c r="C103" s="7">
        <v>5000000</v>
      </c>
      <c r="D103" s="7">
        <v>5700000</v>
      </c>
      <c r="E103" s="7">
        <v>2300941.0499999998</v>
      </c>
      <c r="F103" s="7">
        <v>3522376.02</v>
      </c>
      <c r="G103" s="7">
        <v>0.04</v>
      </c>
      <c r="H103" s="7">
        <v>2177623.98</v>
      </c>
      <c r="I103" s="7">
        <v>432673.63</v>
      </c>
      <c r="J103" s="7">
        <v>1147668.67</v>
      </c>
      <c r="K103" s="7">
        <v>0.01</v>
      </c>
      <c r="L103" s="7">
        <v>4552331.33</v>
      </c>
    </row>
    <row r="104" spans="1:12" x14ac:dyDescent="0.25">
      <c r="A104" s="2" t="s">
        <v>202</v>
      </c>
      <c r="B104" s="4" t="s">
        <v>439</v>
      </c>
      <c r="C104" s="7">
        <v>37620100</v>
      </c>
      <c r="D104" s="7">
        <v>114729900</v>
      </c>
      <c r="E104" s="7">
        <v>7994544.3399999999</v>
      </c>
      <c r="F104" s="7">
        <v>57606712.329999998</v>
      </c>
      <c r="G104" s="7">
        <v>0.59</v>
      </c>
      <c r="H104" s="7">
        <v>57123187.670000002</v>
      </c>
      <c r="I104" s="7">
        <v>5347824.63</v>
      </c>
      <c r="J104" s="7">
        <v>10001217.98</v>
      </c>
      <c r="K104" s="7">
        <v>0.13</v>
      </c>
      <c r="L104" s="7">
        <v>104728682.02</v>
      </c>
    </row>
    <row r="105" spans="1:12" x14ac:dyDescent="0.25">
      <c r="A105" s="2" t="s">
        <v>204</v>
      </c>
      <c r="B105" s="4" t="s">
        <v>440</v>
      </c>
      <c r="C105" s="7">
        <v>4306500</v>
      </c>
      <c r="D105" s="7">
        <v>6714386</v>
      </c>
      <c r="E105" s="7">
        <v>230943.49</v>
      </c>
      <c r="F105" s="7">
        <v>557791.41</v>
      </c>
      <c r="G105" s="7">
        <v>0.01</v>
      </c>
      <c r="H105" s="7">
        <v>6156594.5899999999</v>
      </c>
      <c r="I105" s="7">
        <v>304213.81</v>
      </c>
      <c r="J105" s="7">
        <v>439559.76</v>
      </c>
      <c r="K105" s="7">
        <v>0.01</v>
      </c>
      <c r="L105" s="7">
        <v>6274826.2400000002</v>
      </c>
    </row>
    <row r="106" spans="1:12" x14ac:dyDescent="0.25">
      <c r="A106" s="2" t="s">
        <v>206</v>
      </c>
      <c r="B106" s="4" t="s">
        <v>441</v>
      </c>
      <c r="C106" s="7">
        <v>212000</v>
      </c>
      <c r="D106" s="7">
        <v>212000</v>
      </c>
      <c r="E106" s="7">
        <v>0</v>
      </c>
      <c r="F106" s="7">
        <v>0</v>
      </c>
      <c r="G106" s="7">
        <v>0</v>
      </c>
      <c r="H106" s="7">
        <v>212000</v>
      </c>
      <c r="I106" s="7">
        <v>0</v>
      </c>
      <c r="J106" s="7">
        <v>0</v>
      </c>
      <c r="K106" s="7">
        <v>0</v>
      </c>
      <c r="L106" s="7">
        <v>212000</v>
      </c>
    </row>
    <row r="107" spans="1:12" x14ac:dyDescent="0.25">
      <c r="A107" s="2" t="s">
        <v>208</v>
      </c>
      <c r="B107" s="4" t="s">
        <v>442</v>
      </c>
      <c r="C107" s="7">
        <v>100000</v>
      </c>
      <c r="D107" s="7">
        <v>100000</v>
      </c>
      <c r="E107" s="7">
        <v>0</v>
      </c>
      <c r="F107" s="7">
        <v>0</v>
      </c>
      <c r="G107" s="7">
        <v>0</v>
      </c>
      <c r="H107" s="7">
        <v>100000</v>
      </c>
      <c r="I107" s="7">
        <v>0</v>
      </c>
      <c r="J107" s="7">
        <v>0</v>
      </c>
      <c r="K107" s="7">
        <v>0</v>
      </c>
      <c r="L107" s="7">
        <v>100000</v>
      </c>
    </row>
    <row r="108" spans="1:12" x14ac:dyDescent="0.25">
      <c r="A108" s="3" t="s">
        <v>210</v>
      </c>
      <c r="B108" s="5" t="s">
        <v>443</v>
      </c>
      <c r="C108" s="6">
        <v>39021400</v>
      </c>
      <c r="D108" s="6">
        <v>40466100</v>
      </c>
      <c r="E108" s="6">
        <v>2027148.15</v>
      </c>
      <c r="F108" s="6">
        <v>7528767.1299999999</v>
      </c>
      <c r="G108" s="6">
        <v>0.08</v>
      </c>
      <c r="H108" s="6">
        <v>32937332.870000001</v>
      </c>
      <c r="I108" s="6">
        <v>1314438.46</v>
      </c>
      <c r="J108" s="6">
        <v>5273440.2</v>
      </c>
      <c r="K108" s="6">
        <v>0.06</v>
      </c>
      <c r="L108" s="6">
        <v>35192659.799999997</v>
      </c>
    </row>
    <row r="109" spans="1:12" x14ac:dyDescent="0.25">
      <c r="A109" s="2" t="s">
        <v>212</v>
      </c>
      <c r="B109" s="4" t="s">
        <v>385</v>
      </c>
      <c r="C109" s="7">
        <v>200</v>
      </c>
      <c r="D109" s="7">
        <v>200</v>
      </c>
      <c r="E109" s="7">
        <v>0</v>
      </c>
      <c r="F109" s="7">
        <v>0</v>
      </c>
      <c r="G109" s="7">
        <v>0</v>
      </c>
      <c r="H109" s="7">
        <v>200</v>
      </c>
      <c r="I109" s="7">
        <v>0</v>
      </c>
      <c r="J109" s="7">
        <v>0</v>
      </c>
      <c r="K109" s="7">
        <v>0</v>
      </c>
      <c r="L109" s="7">
        <v>200</v>
      </c>
    </row>
    <row r="110" spans="1:12" x14ac:dyDescent="0.25">
      <c r="A110" s="2" t="s">
        <v>214</v>
      </c>
      <c r="B110" s="4" t="s">
        <v>426</v>
      </c>
      <c r="C110" s="7">
        <v>14242500</v>
      </c>
      <c r="D110" s="7">
        <v>14242500</v>
      </c>
      <c r="E110" s="7">
        <v>70700</v>
      </c>
      <c r="F110" s="7">
        <v>1886949.84</v>
      </c>
      <c r="G110" s="7">
        <v>0.02</v>
      </c>
      <c r="H110" s="7">
        <v>12355550.16</v>
      </c>
      <c r="I110" s="7">
        <v>88878.56</v>
      </c>
      <c r="J110" s="7">
        <v>1886949.84</v>
      </c>
      <c r="K110" s="7">
        <v>0.02</v>
      </c>
      <c r="L110" s="7">
        <v>12355550.16</v>
      </c>
    </row>
    <row r="111" spans="1:12" x14ac:dyDescent="0.25">
      <c r="A111" s="2" t="s">
        <v>215</v>
      </c>
      <c r="B111" s="4" t="s">
        <v>444</v>
      </c>
      <c r="C111" s="7">
        <v>24778700</v>
      </c>
      <c r="D111" s="7">
        <v>26223400</v>
      </c>
      <c r="E111" s="7">
        <v>1956448.15</v>
      </c>
      <c r="F111" s="7">
        <v>5641817.29</v>
      </c>
      <c r="G111" s="7">
        <v>0.06</v>
      </c>
      <c r="H111" s="7">
        <v>20581582.710000001</v>
      </c>
      <c r="I111" s="7">
        <v>1225559.8999999999</v>
      </c>
      <c r="J111" s="7">
        <v>3386490.36</v>
      </c>
      <c r="K111" s="7">
        <v>0.04</v>
      </c>
      <c r="L111" s="7">
        <v>22836909.640000001</v>
      </c>
    </row>
    <row r="112" spans="1:12" x14ac:dyDescent="0.25">
      <c r="A112" s="3" t="s">
        <v>216</v>
      </c>
      <c r="B112" s="5" t="s">
        <v>445</v>
      </c>
      <c r="C112" s="6">
        <v>266091900</v>
      </c>
      <c r="D112" s="6">
        <v>276986633</v>
      </c>
      <c r="E112" s="6">
        <v>26021531.82</v>
      </c>
      <c r="F112" s="6">
        <v>72481352.060000002</v>
      </c>
      <c r="G112" s="6">
        <v>0.74</v>
      </c>
      <c r="H112" s="6">
        <v>204505280.94</v>
      </c>
      <c r="I112" s="6">
        <v>17739889.850000001</v>
      </c>
      <c r="J112" s="6">
        <v>58242358.759999998</v>
      </c>
      <c r="K112" s="6">
        <v>0.73</v>
      </c>
      <c r="L112" s="6">
        <v>218744274.24000001</v>
      </c>
    </row>
    <row r="113" spans="1:12" x14ac:dyDescent="0.25">
      <c r="A113" s="2" t="s">
        <v>218</v>
      </c>
      <c r="B113" s="4" t="s">
        <v>384</v>
      </c>
      <c r="C113" s="7">
        <v>121640700</v>
      </c>
      <c r="D113" s="7">
        <v>121753000</v>
      </c>
      <c r="E113" s="7">
        <v>14298768.359999999</v>
      </c>
      <c r="F113" s="7">
        <v>45748673.509999998</v>
      </c>
      <c r="G113" s="7">
        <v>0.47</v>
      </c>
      <c r="H113" s="7">
        <v>76004326.489999995</v>
      </c>
      <c r="I113" s="7">
        <v>14236022.890000001</v>
      </c>
      <c r="J113" s="7">
        <v>44771209.219999999</v>
      </c>
      <c r="K113" s="7">
        <v>0.56999999999999995</v>
      </c>
      <c r="L113" s="7">
        <v>76981790.780000001</v>
      </c>
    </row>
    <row r="114" spans="1:12" x14ac:dyDescent="0.25">
      <c r="A114" s="2" t="s">
        <v>220</v>
      </c>
      <c r="B114" s="4" t="s">
        <v>431</v>
      </c>
      <c r="C114" s="7">
        <v>800</v>
      </c>
      <c r="D114" s="7">
        <v>800</v>
      </c>
      <c r="E114" s="7">
        <v>0</v>
      </c>
      <c r="F114" s="7">
        <v>0</v>
      </c>
      <c r="G114" s="7">
        <v>0</v>
      </c>
      <c r="H114" s="7">
        <v>800</v>
      </c>
      <c r="I114" s="7">
        <v>0</v>
      </c>
      <c r="J114" s="7">
        <v>0</v>
      </c>
      <c r="K114" s="7">
        <v>0</v>
      </c>
      <c r="L114" s="7">
        <v>800</v>
      </c>
    </row>
    <row r="115" spans="1:12" x14ac:dyDescent="0.25">
      <c r="A115" s="2" t="s">
        <v>222</v>
      </c>
      <c r="B115" s="4" t="s">
        <v>439</v>
      </c>
      <c r="C115" s="7">
        <v>100</v>
      </c>
      <c r="D115" s="7">
        <v>2181300</v>
      </c>
      <c r="E115" s="7">
        <v>0</v>
      </c>
      <c r="F115" s="7">
        <v>0</v>
      </c>
      <c r="G115" s="7">
        <v>0</v>
      </c>
      <c r="H115" s="7">
        <v>2181300</v>
      </c>
      <c r="I115" s="7">
        <v>0</v>
      </c>
      <c r="J115" s="7">
        <v>0</v>
      </c>
      <c r="K115" s="7">
        <v>0</v>
      </c>
      <c r="L115" s="7">
        <v>2181300</v>
      </c>
    </row>
    <row r="116" spans="1:12" x14ac:dyDescent="0.25">
      <c r="A116" s="2" t="s">
        <v>225</v>
      </c>
      <c r="B116" s="4" t="s">
        <v>440</v>
      </c>
      <c r="C116" s="7">
        <v>100</v>
      </c>
      <c r="D116" s="7">
        <v>100</v>
      </c>
      <c r="E116" s="7">
        <v>0</v>
      </c>
      <c r="F116" s="7">
        <v>0</v>
      </c>
      <c r="G116" s="7">
        <v>0</v>
      </c>
      <c r="H116" s="7">
        <v>100</v>
      </c>
      <c r="I116" s="7">
        <v>0</v>
      </c>
      <c r="J116" s="7">
        <v>0</v>
      </c>
      <c r="K116" s="7">
        <v>0</v>
      </c>
      <c r="L116" s="7">
        <v>100</v>
      </c>
    </row>
    <row r="117" spans="1:12" x14ac:dyDescent="0.25">
      <c r="A117" s="2" t="s">
        <v>227</v>
      </c>
      <c r="B117" s="4" t="s">
        <v>442</v>
      </c>
      <c r="C117" s="7">
        <v>450000</v>
      </c>
      <c r="D117" s="7">
        <v>452000</v>
      </c>
      <c r="E117" s="7">
        <v>0</v>
      </c>
      <c r="F117" s="7">
        <v>369985.8</v>
      </c>
      <c r="G117" s="7">
        <v>0</v>
      </c>
      <c r="H117" s="7">
        <v>82014.2</v>
      </c>
      <c r="I117" s="7">
        <v>0</v>
      </c>
      <c r="J117" s="7">
        <v>369985.8</v>
      </c>
      <c r="K117" s="7">
        <v>0</v>
      </c>
      <c r="L117" s="7">
        <v>82014.2</v>
      </c>
    </row>
    <row r="118" spans="1:12" x14ac:dyDescent="0.25">
      <c r="A118" s="2" t="s">
        <v>229</v>
      </c>
      <c r="B118" s="4" t="s">
        <v>444</v>
      </c>
      <c r="C118" s="7">
        <v>4598800</v>
      </c>
      <c r="D118" s="7">
        <v>3983900</v>
      </c>
      <c r="E118" s="7">
        <v>8000</v>
      </c>
      <c r="F118" s="7">
        <v>1311932.21</v>
      </c>
      <c r="G118" s="7">
        <v>0.01</v>
      </c>
      <c r="H118" s="7">
        <v>2671967.79</v>
      </c>
      <c r="I118" s="7">
        <v>5108.87</v>
      </c>
      <c r="J118" s="7">
        <v>32237.32</v>
      </c>
      <c r="K118" s="7">
        <v>0</v>
      </c>
      <c r="L118" s="7">
        <v>3951662.68</v>
      </c>
    </row>
    <row r="119" spans="1:12" x14ac:dyDescent="0.25">
      <c r="A119" s="2" t="s">
        <v>231</v>
      </c>
      <c r="B119" s="4" t="s">
        <v>446</v>
      </c>
      <c r="C119" s="7">
        <v>100</v>
      </c>
      <c r="D119" s="7">
        <v>100</v>
      </c>
      <c r="E119" s="7">
        <v>0</v>
      </c>
      <c r="F119" s="7">
        <v>0</v>
      </c>
      <c r="G119" s="7">
        <v>0</v>
      </c>
      <c r="H119" s="7">
        <v>100</v>
      </c>
      <c r="I119" s="7">
        <v>0</v>
      </c>
      <c r="J119" s="7">
        <v>0</v>
      </c>
      <c r="K119" s="7">
        <v>0</v>
      </c>
      <c r="L119" s="7">
        <v>100</v>
      </c>
    </row>
    <row r="120" spans="1:12" x14ac:dyDescent="0.25">
      <c r="A120" s="2" t="s">
        <v>233</v>
      </c>
      <c r="B120" s="4" t="s">
        <v>447</v>
      </c>
      <c r="C120" s="7">
        <v>101667800</v>
      </c>
      <c r="D120" s="7">
        <v>109732533</v>
      </c>
      <c r="E120" s="7">
        <v>208109.44</v>
      </c>
      <c r="F120" s="7">
        <v>2029138.87</v>
      </c>
      <c r="G120" s="7">
        <v>0.02</v>
      </c>
      <c r="H120" s="7">
        <v>107703394.13</v>
      </c>
      <c r="I120" s="7">
        <v>752215.35</v>
      </c>
      <c r="J120" s="7">
        <v>1789483.56</v>
      </c>
      <c r="K120" s="7">
        <v>0.02</v>
      </c>
      <c r="L120" s="7">
        <v>107943049.44</v>
      </c>
    </row>
    <row r="121" spans="1:12" x14ac:dyDescent="0.25">
      <c r="A121" s="2" t="s">
        <v>235</v>
      </c>
      <c r="B121" s="4" t="s">
        <v>448</v>
      </c>
      <c r="C121" s="7">
        <v>100</v>
      </c>
      <c r="D121" s="7">
        <v>100</v>
      </c>
      <c r="E121" s="7">
        <v>0</v>
      </c>
      <c r="F121" s="7">
        <v>0</v>
      </c>
      <c r="G121" s="7">
        <v>0</v>
      </c>
      <c r="H121" s="7">
        <v>100</v>
      </c>
      <c r="I121" s="7">
        <v>0</v>
      </c>
      <c r="J121" s="7">
        <v>0</v>
      </c>
      <c r="K121" s="7">
        <v>0</v>
      </c>
      <c r="L121" s="7">
        <v>100</v>
      </c>
    </row>
    <row r="122" spans="1:12" x14ac:dyDescent="0.25">
      <c r="A122" s="2" t="s">
        <v>237</v>
      </c>
      <c r="B122" s="4" t="s">
        <v>449</v>
      </c>
      <c r="C122" s="7">
        <v>11000400</v>
      </c>
      <c r="D122" s="7">
        <v>11000400</v>
      </c>
      <c r="E122" s="7">
        <v>747516.92</v>
      </c>
      <c r="F122" s="7">
        <v>4923885.96</v>
      </c>
      <c r="G122" s="7">
        <v>0.05</v>
      </c>
      <c r="H122" s="7">
        <v>6076514.04</v>
      </c>
      <c r="I122" s="7">
        <v>745800.24</v>
      </c>
      <c r="J122" s="7">
        <v>4919806.28</v>
      </c>
      <c r="K122" s="7">
        <v>0.06</v>
      </c>
      <c r="L122" s="7">
        <v>6080593.7199999997</v>
      </c>
    </row>
    <row r="123" spans="1:12" x14ac:dyDescent="0.25">
      <c r="A123" s="2" t="s">
        <v>239</v>
      </c>
      <c r="B123" s="4" t="s">
        <v>450</v>
      </c>
      <c r="C123" s="7">
        <v>26733000</v>
      </c>
      <c r="D123" s="7">
        <v>27882400</v>
      </c>
      <c r="E123" s="7">
        <v>10759137.1</v>
      </c>
      <c r="F123" s="7">
        <v>18097735.710000001</v>
      </c>
      <c r="G123" s="7">
        <v>0.19</v>
      </c>
      <c r="H123" s="7">
        <v>9784664.2899999991</v>
      </c>
      <c r="I123" s="7">
        <v>2000742.5</v>
      </c>
      <c r="J123" s="7">
        <v>6359636.5800000001</v>
      </c>
      <c r="K123" s="7">
        <v>0.08</v>
      </c>
      <c r="L123" s="7">
        <v>21522763.420000002</v>
      </c>
    </row>
    <row r="124" spans="1:12" x14ac:dyDescent="0.25">
      <c r="A124" s="3" t="s">
        <v>241</v>
      </c>
      <c r="B124" s="5" t="s">
        <v>451</v>
      </c>
      <c r="C124" s="6">
        <v>10814500</v>
      </c>
      <c r="D124" s="6">
        <v>13786467</v>
      </c>
      <c r="E124" s="6">
        <v>279663.98</v>
      </c>
      <c r="F124" s="6">
        <v>8712410.6199999992</v>
      </c>
      <c r="G124" s="6">
        <v>0.09</v>
      </c>
      <c r="H124" s="6">
        <v>5074056.38</v>
      </c>
      <c r="I124" s="6">
        <v>3823399.75</v>
      </c>
      <c r="J124" s="6">
        <v>6158250.6399999997</v>
      </c>
      <c r="K124" s="6">
        <v>0.08</v>
      </c>
      <c r="L124" s="6">
        <v>7628216.3600000003</v>
      </c>
    </row>
    <row r="125" spans="1:12" x14ac:dyDescent="0.25">
      <c r="A125" s="2" t="s">
        <v>243</v>
      </c>
      <c r="B125" s="4" t="s">
        <v>452</v>
      </c>
      <c r="C125" s="7">
        <v>10814500</v>
      </c>
      <c r="D125" s="7">
        <v>13786467</v>
      </c>
      <c r="E125" s="7">
        <v>279663.98</v>
      </c>
      <c r="F125" s="7">
        <v>8712410.6199999992</v>
      </c>
      <c r="G125" s="7">
        <v>0.09</v>
      </c>
      <c r="H125" s="7">
        <v>5074056.38</v>
      </c>
      <c r="I125" s="7">
        <v>3823399.75</v>
      </c>
      <c r="J125" s="7">
        <v>6158250.6399999997</v>
      </c>
      <c r="K125" s="7">
        <v>0.08</v>
      </c>
      <c r="L125" s="7">
        <v>7628216.3600000003</v>
      </c>
    </row>
    <row r="126" spans="1:12" x14ac:dyDescent="0.25">
      <c r="A126" s="3" t="s">
        <v>245</v>
      </c>
      <c r="B126" s="5" t="s">
        <v>453</v>
      </c>
      <c r="C126" s="6">
        <v>280596400</v>
      </c>
      <c r="D126" s="6">
        <v>278698900</v>
      </c>
      <c r="E126" s="6">
        <v>2407967.33</v>
      </c>
      <c r="F126" s="6">
        <v>45746904.560000002</v>
      </c>
      <c r="G126" s="6">
        <v>0.47</v>
      </c>
      <c r="H126" s="6">
        <v>232951995.44</v>
      </c>
      <c r="I126" s="6">
        <v>1057186.29</v>
      </c>
      <c r="J126" s="6">
        <v>35421811.039999999</v>
      </c>
      <c r="K126" s="6">
        <v>0.45</v>
      </c>
      <c r="L126" s="6">
        <v>243277088.96000001</v>
      </c>
    </row>
    <row r="127" spans="1:12" x14ac:dyDescent="0.25">
      <c r="A127" s="2" t="s">
        <v>247</v>
      </c>
      <c r="B127" s="4" t="s">
        <v>454</v>
      </c>
      <c r="C127" s="7">
        <v>280596400</v>
      </c>
      <c r="D127" s="7">
        <v>278698900</v>
      </c>
      <c r="E127" s="7">
        <v>2407967.33</v>
      </c>
      <c r="F127" s="7">
        <v>45746904.560000002</v>
      </c>
      <c r="G127" s="7">
        <v>0.47</v>
      </c>
      <c r="H127" s="7">
        <v>232951995.44</v>
      </c>
      <c r="I127" s="7">
        <v>1057186.29</v>
      </c>
      <c r="J127" s="7">
        <v>35421811.039999999</v>
      </c>
      <c r="K127" s="7">
        <v>0.45</v>
      </c>
      <c r="L127" s="7">
        <v>243277088.96000001</v>
      </c>
    </row>
    <row r="128" spans="1:12" x14ac:dyDescent="0.25">
      <c r="A128" s="3" t="s">
        <v>249</v>
      </c>
      <c r="B128" s="5" t="s">
        <v>455</v>
      </c>
      <c r="C128" s="6">
        <v>38538400</v>
      </c>
      <c r="D128" s="6">
        <v>39672646</v>
      </c>
      <c r="E128" s="6">
        <v>2843401.6</v>
      </c>
      <c r="F128" s="6">
        <v>9669789.6699999999</v>
      </c>
      <c r="G128" s="6">
        <v>0.1</v>
      </c>
      <c r="H128" s="6">
        <v>30002856.329999998</v>
      </c>
      <c r="I128" s="6">
        <v>2852095.85</v>
      </c>
      <c r="J128" s="6">
        <v>8524403.2899999991</v>
      </c>
      <c r="K128" s="6">
        <v>0.12</v>
      </c>
      <c r="L128" s="6">
        <v>31148242.710000001</v>
      </c>
    </row>
    <row r="129" spans="1:12" x14ac:dyDescent="0.25">
      <c r="A129" s="2" t="s">
        <v>251</v>
      </c>
      <c r="B129" s="4" t="s">
        <v>456</v>
      </c>
      <c r="C129" s="7">
        <v>11292600</v>
      </c>
      <c r="D129" s="7">
        <v>11518600</v>
      </c>
      <c r="E129" s="7">
        <v>1257237.53</v>
      </c>
      <c r="F129" s="7">
        <v>3829931.39</v>
      </c>
      <c r="G129" s="7">
        <v>0.04</v>
      </c>
      <c r="H129" s="7">
        <v>7688668.6100000003</v>
      </c>
      <c r="I129" s="7">
        <v>1348740.14</v>
      </c>
      <c r="J129" s="7">
        <v>3658595.93</v>
      </c>
      <c r="K129" s="7">
        <v>0.05</v>
      </c>
      <c r="L129" s="7">
        <v>7860004.0700000003</v>
      </c>
    </row>
    <row r="130" spans="1:12" x14ac:dyDescent="0.25">
      <c r="A130" s="2" t="s">
        <v>253</v>
      </c>
      <c r="B130" s="4" t="s">
        <v>457</v>
      </c>
      <c r="C130" s="7">
        <v>100</v>
      </c>
      <c r="D130" s="7">
        <v>100</v>
      </c>
      <c r="E130" s="7">
        <v>0</v>
      </c>
      <c r="F130" s="7">
        <v>0</v>
      </c>
      <c r="G130" s="7">
        <v>0</v>
      </c>
      <c r="H130" s="7">
        <v>100</v>
      </c>
      <c r="I130" s="7">
        <v>0</v>
      </c>
      <c r="J130" s="7">
        <v>0</v>
      </c>
      <c r="K130" s="7">
        <v>0</v>
      </c>
      <c r="L130" s="7">
        <v>100</v>
      </c>
    </row>
    <row r="131" spans="1:12" x14ac:dyDescent="0.25">
      <c r="A131" s="2" t="s">
        <v>255</v>
      </c>
      <c r="B131" s="4" t="s">
        <v>458</v>
      </c>
      <c r="C131" s="7">
        <v>9363200</v>
      </c>
      <c r="D131" s="7">
        <v>9363200</v>
      </c>
      <c r="E131" s="7">
        <v>1309756.51</v>
      </c>
      <c r="F131" s="7">
        <v>3686539.61</v>
      </c>
      <c r="G131" s="7">
        <v>0.04</v>
      </c>
      <c r="H131" s="7">
        <v>5676660.3899999997</v>
      </c>
      <c r="I131" s="7">
        <v>1291755.3700000001</v>
      </c>
      <c r="J131" s="7">
        <v>3592400.16</v>
      </c>
      <c r="K131" s="7">
        <v>0.05</v>
      </c>
      <c r="L131" s="7">
        <v>5770799.8399999999</v>
      </c>
    </row>
    <row r="132" spans="1:12" x14ac:dyDescent="0.25">
      <c r="A132" s="2" t="s">
        <v>257</v>
      </c>
      <c r="B132" s="4" t="s">
        <v>459</v>
      </c>
      <c r="C132" s="7">
        <v>17882500</v>
      </c>
      <c r="D132" s="7">
        <v>18790746</v>
      </c>
      <c r="E132" s="7">
        <v>276407.56</v>
      </c>
      <c r="F132" s="7">
        <v>2153318.67</v>
      </c>
      <c r="G132" s="7">
        <v>0.02</v>
      </c>
      <c r="H132" s="7">
        <v>16637427.33</v>
      </c>
      <c r="I132" s="7">
        <v>211600.34</v>
      </c>
      <c r="J132" s="7">
        <v>1273407.2</v>
      </c>
      <c r="K132" s="7">
        <v>0.02</v>
      </c>
      <c r="L132" s="7">
        <v>17517338.800000001</v>
      </c>
    </row>
    <row r="133" spans="1:12" x14ac:dyDescent="0.25">
      <c r="A133" s="3" t="s">
        <v>259</v>
      </c>
      <c r="B133" s="5" t="s">
        <v>460</v>
      </c>
      <c r="C133" s="6">
        <v>1700</v>
      </c>
      <c r="D133" s="6">
        <v>1700</v>
      </c>
      <c r="E133" s="6">
        <v>0</v>
      </c>
      <c r="F133" s="6">
        <v>0</v>
      </c>
      <c r="G133" s="6">
        <v>0</v>
      </c>
      <c r="H133" s="6">
        <v>1700</v>
      </c>
      <c r="I133" s="6">
        <v>0</v>
      </c>
      <c r="J133" s="6">
        <v>0</v>
      </c>
      <c r="K133" s="6">
        <v>0</v>
      </c>
      <c r="L133" s="6">
        <v>1700</v>
      </c>
    </row>
    <row r="134" spans="1:12" x14ac:dyDescent="0.25">
      <c r="A134" s="2" t="s">
        <v>261</v>
      </c>
      <c r="B134" s="4" t="s">
        <v>461</v>
      </c>
      <c r="C134" s="7">
        <v>1700</v>
      </c>
      <c r="D134" s="7">
        <v>1700</v>
      </c>
      <c r="E134" s="7">
        <v>0</v>
      </c>
      <c r="F134" s="7">
        <v>0</v>
      </c>
      <c r="G134" s="7">
        <v>0</v>
      </c>
      <c r="H134" s="7">
        <v>1700</v>
      </c>
      <c r="I134" s="7">
        <v>0</v>
      </c>
      <c r="J134" s="7">
        <v>0</v>
      </c>
      <c r="K134" s="7">
        <v>0</v>
      </c>
      <c r="L134" s="7">
        <v>1700</v>
      </c>
    </row>
    <row r="135" spans="1:12" x14ac:dyDescent="0.25">
      <c r="A135" s="3" t="s">
        <v>263</v>
      </c>
      <c r="B135" s="5" t="s">
        <v>462</v>
      </c>
      <c r="C135" s="6">
        <v>50000</v>
      </c>
      <c r="D135" s="6">
        <v>3856546</v>
      </c>
      <c r="E135" s="6">
        <v>1098556.28</v>
      </c>
      <c r="F135" s="6">
        <v>3188068.11</v>
      </c>
      <c r="G135" s="6">
        <v>0.03</v>
      </c>
      <c r="H135" s="6">
        <v>668477.89</v>
      </c>
      <c r="I135" s="6">
        <v>0</v>
      </c>
      <c r="J135" s="6">
        <v>56524.72</v>
      </c>
      <c r="K135" s="6">
        <v>0</v>
      </c>
      <c r="L135" s="6">
        <v>3800021.28</v>
      </c>
    </row>
    <row r="136" spans="1:12" x14ac:dyDescent="0.25">
      <c r="A136" s="2" t="s">
        <v>265</v>
      </c>
      <c r="B136" s="4" t="s">
        <v>463</v>
      </c>
      <c r="C136" s="7">
        <v>20000</v>
      </c>
      <c r="D136" s="7">
        <v>20000</v>
      </c>
      <c r="E136" s="7">
        <v>0</v>
      </c>
      <c r="F136" s="7">
        <v>0</v>
      </c>
      <c r="G136" s="7">
        <v>0</v>
      </c>
      <c r="H136" s="7">
        <v>20000</v>
      </c>
      <c r="I136" s="7">
        <v>0</v>
      </c>
      <c r="J136" s="7">
        <v>0</v>
      </c>
      <c r="K136" s="7">
        <v>0</v>
      </c>
      <c r="L136" s="7">
        <v>20000</v>
      </c>
    </row>
    <row r="137" spans="1:12" x14ac:dyDescent="0.25">
      <c r="A137" s="2" t="s">
        <v>267</v>
      </c>
      <c r="B137" s="4" t="s">
        <v>464</v>
      </c>
      <c r="C137" s="7">
        <v>30000</v>
      </c>
      <c r="D137" s="7">
        <v>3836546</v>
      </c>
      <c r="E137" s="7">
        <v>1098556.28</v>
      </c>
      <c r="F137" s="7">
        <v>3188068.11</v>
      </c>
      <c r="G137" s="7">
        <v>0.03</v>
      </c>
      <c r="H137" s="7">
        <v>648477.89</v>
      </c>
      <c r="I137" s="7">
        <v>0</v>
      </c>
      <c r="J137" s="7">
        <v>56524.72</v>
      </c>
      <c r="K137" s="7">
        <v>0</v>
      </c>
      <c r="L137" s="7">
        <v>3780021.28</v>
      </c>
    </row>
    <row r="138" spans="1:12" x14ac:dyDescent="0.25">
      <c r="A138" s="3" t="s">
        <v>269</v>
      </c>
      <c r="B138" s="5" t="s">
        <v>465</v>
      </c>
      <c r="C138" s="6">
        <v>1139178000</v>
      </c>
      <c r="D138" s="6">
        <v>1744380552</v>
      </c>
      <c r="E138" s="6">
        <v>402340448.38999999</v>
      </c>
      <c r="F138" s="6">
        <v>1010321419.98</v>
      </c>
      <c r="G138" s="6">
        <v>10.36</v>
      </c>
      <c r="H138" s="6">
        <v>734059132.01999998</v>
      </c>
      <c r="I138" s="6">
        <v>217399409.81</v>
      </c>
      <c r="J138" s="6">
        <v>507765470.06</v>
      </c>
      <c r="K138" s="6">
        <v>6.48</v>
      </c>
      <c r="L138" s="6">
        <v>1236615081.9400001</v>
      </c>
    </row>
    <row r="139" spans="1:12" x14ac:dyDescent="0.25">
      <c r="A139" s="2" t="s">
        <v>271</v>
      </c>
      <c r="B139" s="4" t="s">
        <v>384</v>
      </c>
      <c r="C139" s="7">
        <v>78154000</v>
      </c>
      <c r="D139" s="7">
        <v>103386682</v>
      </c>
      <c r="E139" s="7">
        <v>9487214.8000000007</v>
      </c>
      <c r="F139" s="7">
        <v>47151492.909999996</v>
      </c>
      <c r="G139" s="7">
        <v>0.48</v>
      </c>
      <c r="H139" s="7">
        <v>56235189.090000004</v>
      </c>
      <c r="I139" s="7">
        <v>14941497.359999999</v>
      </c>
      <c r="J139" s="7">
        <v>32768158.02</v>
      </c>
      <c r="K139" s="7">
        <v>0.42</v>
      </c>
      <c r="L139" s="7">
        <v>70618523.980000004</v>
      </c>
    </row>
    <row r="140" spans="1:12" x14ac:dyDescent="0.25">
      <c r="A140" s="2" t="s">
        <v>273</v>
      </c>
      <c r="B140" s="4" t="s">
        <v>458</v>
      </c>
      <c r="C140" s="7">
        <v>100</v>
      </c>
      <c r="D140" s="7">
        <v>100</v>
      </c>
      <c r="E140" s="7">
        <v>0</v>
      </c>
      <c r="F140" s="7">
        <v>0</v>
      </c>
      <c r="G140" s="7">
        <v>0</v>
      </c>
      <c r="H140" s="7">
        <v>100</v>
      </c>
      <c r="I140" s="7">
        <v>0</v>
      </c>
      <c r="J140" s="7">
        <v>0</v>
      </c>
      <c r="K140" s="7">
        <v>0</v>
      </c>
      <c r="L140" s="7">
        <v>100</v>
      </c>
    </row>
    <row r="141" spans="1:12" x14ac:dyDescent="0.25">
      <c r="A141" s="2" t="s">
        <v>275</v>
      </c>
      <c r="B141" s="4" t="s">
        <v>466</v>
      </c>
      <c r="C141" s="7">
        <v>3845100</v>
      </c>
      <c r="D141" s="7">
        <v>8513615</v>
      </c>
      <c r="E141" s="7">
        <v>1468106.35</v>
      </c>
      <c r="F141" s="7">
        <v>6119183.5199999996</v>
      </c>
      <c r="G141" s="7">
        <v>0.06</v>
      </c>
      <c r="H141" s="7">
        <v>2394431.48</v>
      </c>
      <c r="I141" s="7">
        <v>1185277.8700000001</v>
      </c>
      <c r="J141" s="7">
        <v>3219769.5</v>
      </c>
      <c r="K141" s="7">
        <v>0.04</v>
      </c>
      <c r="L141" s="7">
        <v>5293845.5</v>
      </c>
    </row>
    <row r="142" spans="1:12" x14ac:dyDescent="0.25">
      <c r="A142" s="2" t="s">
        <v>277</v>
      </c>
      <c r="B142" s="4" t="s">
        <v>467</v>
      </c>
      <c r="C142" s="7">
        <v>1057176600</v>
      </c>
      <c r="D142" s="7">
        <v>1632477955</v>
      </c>
      <c r="E142" s="7">
        <v>391385127.24000001</v>
      </c>
      <c r="F142" s="7">
        <v>957050743.54999995</v>
      </c>
      <c r="G142" s="7">
        <v>9.82</v>
      </c>
      <c r="H142" s="7">
        <v>675427211.45000005</v>
      </c>
      <c r="I142" s="7">
        <v>201272634.58000001</v>
      </c>
      <c r="J142" s="7">
        <v>471777542.54000002</v>
      </c>
      <c r="K142" s="7">
        <v>6.02</v>
      </c>
      <c r="L142" s="7">
        <v>1160700412.46</v>
      </c>
    </row>
    <row r="143" spans="1:12" x14ac:dyDescent="0.25">
      <c r="A143" s="2" t="s">
        <v>279</v>
      </c>
      <c r="B143" s="4" t="s">
        <v>468</v>
      </c>
      <c r="C143" s="7">
        <v>1100</v>
      </c>
      <c r="D143" s="7">
        <v>1100</v>
      </c>
      <c r="E143" s="7">
        <v>0</v>
      </c>
      <c r="F143" s="7">
        <v>0</v>
      </c>
      <c r="G143" s="7">
        <v>0</v>
      </c>
      <c r="H143" s="7">
        <v>1100</v>
      </c>
      <c r="I143" s="7">
        <v>0</v>
      </c>
      <c r="J143" s="7">
        <v>0</v>
      </c>
      <c r="K143" s="7">
        <v>0</v>
      </c>
      <c r="L143" s="7">
        <v>1100</v>
      </c>
    </row>
    <row r="144" spans="1:12" x14ac:dyDescent="0.25">
      <c r="A144" s="2" t="s">
        <v>281</v>
      </c>
      <c r="B144" s="4" t="s">
        <v>469</v>
      </c>
      <c r="C144" s="7">
        <v>1100</v>
      </c>
      <c r="D144" s="7">
        <v>1100</v>
      </c>
      <c r="E144" s="7">
        <v>0</v>
      </c>
      <c r="F144" s="7">
        <v>0</v>
      </c>
      <c r="G144" s="7">
        <v>0</v>
      </c>
      <c r="H144" s="7">
        <v>1100</v>
      </c>
      <c r="I144" s="7">
        <v>0</v>
      </c>
      <c r="J144" s="7">
        <v>0</v>
      </c>
      <c r="K144" s="7">
        <v>0</v>
      </c>
      <c r="L144" s="7">
        <v>1100</v>
      </c>
    </row>
    <row r="145" spans="1:12" x14ac:dyDescent="0.25">
      <c r="A145" s="3" t="s">
        <v>283</v>
      </c>
      <c r="B145" s="5" t="s">
        <v>470</v>
      </c>
      <c r="C145" s="6">
        <v>32538700</v>
      </c>
      <c r="D145" s="6">
        <v>47091146.520000003</v>
      </c>
      <c r="E145" s="6">
        <v>1102739.82</v>
      </c>
      <c r="F145" s="6">
        <v>7155936.96</v>
      </c>
      <c r="G145" s="6">
        <v>0.08</v>
      </c>
      <c r="H145" s="6">
        <v>39935209.560000002</v>
      </c>
      <c r="I145" s="6">
        <v>1078579.49</v>
      </c>
      <c r="J145" s="6">
        <v>3605687.04</v>
      </c>
      <c r="K145" s="6">
        <v>0.04</v>
      </c>
      <c r="L145" s="6">
        <v>43485459.479999997</v>
      </c>
    </row>
    <row r="146" spans="1:12" x14ac:dyDescent="0.25">
      <c r="A146" s="2" t="s">
        <v>285</v>
      </c>
      <c r="B146" s="4" t="s">
        <v>384</v>
      </c>
      <c r="C146" s="7">
        <v>1795800</v>
      </c>
      <c r="D146" s="7">
        <v>5913800</v>
      </c>
      <c r="E146" s="7">
        <v>467403.9</v>
      </c>
      <c r="F146" s="7">
        <v>2523897.7400000002</v>
      </c>
      <c r="G146" s="7">
        <v>0.03</v>
      </c>
      <c r="H146" s="7">
        <v>3389902.26</v>
      </c>
      <c r="I146" s="7">
        <v>443127.83</v>
      </c>
      <c r="J146" s="7">
        <v>812966.59</v>
      </c>
      <c r="K146" s="7">
        <v>0.01</v>
      </c>
      <c r="L146" s="7">
        <v>5100833.41</v>
      </c>
    </row>
    <row r="147" spans="1:12" x14ac:dyDescent="0.25">
      <c r="A147" s="2" t="s">
        <v>287</v>
      </c>
      <c r="B147" s="4" t="s">
        <v>471</v>
      </c>
      <c r="C147" s="7">
        <v>24921200</v>
      </c>
      <c r="D147" s="7">
        <v>35553200</v>
      </c>
      <c r="E147" s="7">
        <v>-4518.12</v>
      </c>
      <c r="F147" s="7">
        <v>2816490.28</v>
      </c>
      <c r="G147" s="7">
        <v>0.03</v>
      </c>
      <c r="H147" s="7">
        <v>32736709.719999999</v>
      </c>
      <c r="I147" s="7">
        <v>-4518.12</v>
      </c>
      <c r="J147" s="7">
        <v>979990.28</v>
      </c>
      <c r="K147" s="7">
        <v>0.01</v>
      </c>
      <c r="L147" s="7">
        <v>34573209.719999999</v>
      </c>
    </row>
    <row r="148" spans="1:12" x14ac:dyDescent="0.25">
      <c r="A148" s="2" t="s">
        <v>289</v>
      </c>
      <c r="B148" s="4" t="s">
        <v>472</v>
      </c>
      <c r="C148" s="7">
        <v>5821700</v>
      </c>
      <c r="D148" s="7">
        <v>5624146.5199999996</v>
      </c>
      <c r="E148" s="7">
        <v>639854.04</v>
      </c>
      <c r="F148" s="7">
        <v>1815548.94</v>
      </c>
      <c r="G148" s="7">
        <v>0.02</v>
      </c>
      <c r="H148" s="7">
        <v>3808597.58</v>
      </c>
      <c r="I148" s="7">
        <v>639969.78</v>
      </c>
      <c r="J148" s="7">
        <v>1812730.17</v>
      </c>
      <c r="K148" s="7">
        <v>0.02</v>
      </c>
      <c r="L148" s="7">
        <v>3811416.35</v>
      </c>
    </row>
    <row r="149" spans="1:12" x14ac:dyDescent="0.25">
      <c r="A149" s="3" t="s">
        <v>291</v>
      </c>
      <c r="B149" s="5" t="s">
        <v>473</v>
      </c>
      <c r="C149" s="6">
        <v>933563100</v>
      </c>
      <c r="D149" s="6">
        <v>608714120.13999999</v>
      </c>
      <c r="E149" s="6">
        <v>125134929.73</v>
      </c>
      <c r="F149" s="6">
        <v>411927597.43000001</v>
      </c>
      <c r="G149" s="6">
        <v>4.2300000000000004</v>
      </c>
      <c r="H149" s="6">
        <v>196786522.71000001</v>
      </c>
      <c r="I149" s="6">
        <v>127302096.98999999</v>
      </c>
      <c r="J149" s="6">
        <v>408210072.35000002</v>
      </c>
      <c r="K149" s="6">
        <v>5.21</v>
      </c>
      <c r="L149" s="6">
        <v>200504047.78999999</v>
      </c>
    </row>
    <row r="150" spans="1:12" x14ac:dyDescent="0.25">
      <c r="A150" s="2" t="s">
        <v>293</v>
      </c>
      <c r="B150" s="4" t="s">
        <v>474</v>
      </c>
      <c r="C150" s="7">
        <v>394903000</v>
      </c>
      <c r="D150" s="7">
        <v>176308063</v>
      </c>
      <c r="E150" s="7">
        <v>61336296.909999996</v>
      </c>
      <c r="F150" s="7">
        <v>153695449.80000001</v>
      </c>
      <c r="G150" s="7">
        <v>1.58</v>
      </c>
      <c r="H150" s="7">
        <v>22612613.199999999</v>
      </c>
      <c r="I150" s="7">
        <v>61336296.909999996</v>
      </c>
      <c r="J150" s="7">
        <v>153695449.80000001</v>
      </c>
      <c r="K150" s="7">
        <v>1.96</v>
      </c>
      <c r="L150" s="7">
        <v>22612613.199999999</v>
      </c>
    </row>
    <row r="151" spans="1:12" x14ac:dyDescent="0.25">
      <c r="A151" s="2" t="s">
        <v>295</v>
      </c>
      <c r="B151" s="4" t="s">
        <v>407</v>
      </c>
      <c r="C151" s="7">
        <v>204500100</v>
      </c>
      <c r="D151" s="7">
        <v>98647625</v>
      </c>
      <c r="E151" s="7">
        <v>24645405.280000001</v>
      </c>
      <c r="F151" s="7">
        <v>69611678.849999994</v>
      </c>
      <c r="G151" s="7">
        <v>0.71</v>
      </c>
      <c r="H151" s="7">
        <v>29035946.149999999</v>
      </c>
      <c r="I151" s="7">
        <v>24645405.280000001</v>
      </c>
      <c r="J151" s="7">
        <v>69611678.849999994</v>
      </c>
      <c r="K151" s="7">
        <v>0.89</v>
      </c>
      <c r="L151" s="7">
        <v>29035946.149999999</v>
      </c>
    </row>
    <row r="152" spans="1:12" x14ac:dyDescent="0.25">
      <c r="A152" s="2" t="s">
        <v>297</v>
      </c>
      <c r="B152" s="4" t="s">
        <v>475</v>
      </c>
      <c r="C152" s="7">
        <v>217000000</v>
      </c>
      <c r="D152" s="7">
        <v>165749765</v>
      </c>
      <c r="E152" s="7">
        <v>7829366.7699999996</v>
      </c>
      <c r="F152" s="7">
        <v>74771737.189999998</v>
      </c>
      <c r="G152" s="7">
        <v>0.77</v>
      </c>
      <c r="H152" s="7">
        <v>90978027.810000002</v>
      </c>
      <c r="I152" s="7">
        <v>7829366.7599999998</v>
      </c>
      <c r="J152" s="7">
        <v>74771737.180000007</v>
      </c>
      <c r="K152" s="7">
        <v>0.95</v>
      </c>
      <c r="L152" s="7">
        <v>90978027.819999993</v>
      </c>
    </row>
    <row r="153" spans="1:12" x14ac:dyDescent="0.25">
      <c r="A153" s="2" t="s">
        <v>299</v>
      </c>
      <c r="B153" s="4" t="s">
        <v>476</v>
      </c>
      <c r="C153" s="7">
        <v>33522500</v>
      </c>
      <c r="D153" s="7">
        <v>33522500</v>
      </c>
      <c r="E153" s="7">
        <v>5500000</v>
      </c>
      <c r="F153" s="7">
        <v>19283135.949999999</v>
      </c>
      <c r="G153" s="7">
        <v>0.2</v>
      </c>
      <c r="H153" s="7">
        <v>14239364.050000001</v>
      </c>
      <c r="I153" s="7">
        <v>5500000</v>
      </c>
      <c r="J153" s="7">
        <v>19283135.949999999</v>
      </c>
      <c r="K153" s="7">
        <v>0.25</v>
      </c>
      <c r="L153" s="7">
        <v>14239364.050000001</v>
      </c>
    </row>
    <row r="154" spans="1:12" x14ac:dyDescent="0.25">
      <c r="A154" s="2" t="s">
        <v>301</v>
      </c>
      <c r="B154" s="4" t="s">
        <v>381</v>
      </c>
      <c r="C154" s="7">
        <v>83637500</v>
      </c>
      <c r="D154" s="7">
        <v>134486167.13999999</v>
      </c>
      <c r="E154" s="7">
        <v>25823860.77</v>
      </c>
      <c r="F154" s="7">
        <v>94565595.640000001</v>
      </c>
      <c r="G154" s="7">
        <v>0.97</v>
      </c>
      <c r="H154" s="7">
        <v>39920571.5</v>
      </c>
      <c r="I154" s="7">
        <v>27991028.039999999</v>
      </c>
      <c r="J154" s="7">
        <v>90848070.569999993</v>
      </c>
      <c r="K154" s="7">
        <v>1.1599999999999999</v>
      </c>
      <c r="L154" s="7">
        <v>43638096.57</v>
      </c>
    </row>
    <row r="155" spans="1:12" x14ac:dyDescent="0.25">
      <c r="A155" s="3" t="s">
        <v>303</v>
      </c>
      <c r="B155" s="5" t="s">
        <v>477</v>
      </c>
      <c r="C155" s="6">
        <v>134138000</v>
      </c>
      <c r="D155" s="6">
        <v>45214127</v>
      </c>
      <c r="E155" s="6">
        <v>0</v>
      </c>
      <c r="F155" s="6">
        <v>0</v>
      </c>
      <c r="G155" s="6">
        <v>0</v>
      </c>
      <c r="H155" s="6">
        <v>45214127</v>
      </c>
      <c r="I155" s="6">
        <v>0</v>
      </c>
      <c r="J155" s="6">
        <v>0</v>
      </c>
      <c r="K155" s="6">
        <v>0</v>
      </c>
      <c r="L155" s="6">
        <v>45214127</v>
      </c>
    </row>
    <row r="156" spans="1:12" x14ac:dyDescent="0.25">
      <c r="A156" s="2" t="s">
        <v>305</v>
      </c>
      <c r="B156" s="4" t="s">
        <v>478</v>
      </c>
      <c r="C156" s="7">
        <v>134138000</v>
      </c>
      <c r="D156" s="7">
        <v>45214127</v>
      </c>
      <c r="E156" s="7">
        <v>0</v>
      </c>
      <c r="F156" s="7">
        <v>0</v>
      </c>
      <c r="G156" s="7">
        <v>0</v>
      </c>
      <c r="H156" s="7">
        <v>45214127</v>
      </c>
      <c r="I156" s="7">
        <v>0</v>
      </c>
      <c r="J156" s="7">
        <v>0</v>
      </c>
      <c r="K156" s="7">
        <v>0</v>
      </c>
      <c r="L156" s="7">
        <v>45214127</v>
      </c>
    </row>
    <row r="157" spans="1:12" x14ac:dyDescent="0.25">
      <c r="A157" s="3" t="s">
        <v>307</v>
      </c>
      <c r="B157" s="5" t="s">
        <v>479</v>
      </c>
      <c r="C157" s="6">
        <v>1773627600</v>
      </c>
      <c r="D157" s="6">
        <v>1897225565.4100001</v>
      </c>
      <c r="E157" s="6">
        <v>312463671.56</v>
      </c>
      <c r="F157" s="6">
        <v>1086190822.25</v>
      </c>
      <c r="G157" s="6">
        <v>11.13</v>
      </c>
      <c r="H157" s="6">
        <v>811034743.15999997</v>
      </c>
      <c r="I157" s="6">
        <v>337020643.73000002</v>
      </c>
      <c r="J157" s="6">
        <v>998274735.38999999</v>
      </c>
      <c r="K157" s="6">
        <v>12.73</v>
      </c>
      <c r="L157" s="6">
        <v>898950830.01999998</v>
      </c>
    </row>
    <row r="158" spans="1:12" x14ac:dyDescent="0.25">
      <c r="A158" s="3" t="s">
        <v>309</v>
      </c>
      <c r="B158" s="5" t="s">
        <v>378</v>
      </c>
      <c r="C158" s="6">
        <v>111950000</v>
      </c>
      <c r="D158" s="6">
        <v>111950000</v>
      </c>
      <c r="E158" s="6">
        <v>16216043.939999999</v>
      </c>
      <c r="F158" s="6">
        <v>48453271.189999998</v>
      </c>
      <c r="G158" s="6">
        <v>0.5</v>
      </c>
      <c r="H158" s="6">
        <v>63496728.810000002</v>
      </c>
      <c r="I158" s="6">
        <v>16216043.939999999</v>
      </c>
      <c r="J158" s="6">
        <v>48453271.189999998</v>
      </c>
      <c r="K158" s="6">
        <v>0.62</v>
      </c>
      <c r="L158" s="6">
        <v>63496728.810000002</v>
      </c>
    </row>
    <row r="159" spans="1:12" x14ac:dyDescent="0.25">
      <c r="A159" s="2" t="s">
        <v>311</v>
      </c>
      <c r="B159" s="4" t="s">
        <v>379</v>
      </c>
      <c r="C159" s="7">
        <v>51350000</v>
      </c>
      <c r="D159" s="7">
        <v>51350000</v>
      </c>
      <c r="E159" s="7">
        <v>7406650.3799999999</v>
      </c>
      <c r="F159" s="7">
        <v>22216189.16</v>
      </c>
      <c r="G159" s="7">
        <v>0.23</v>
      </c>
      <c r="H159" s="7">
        <v>29133810.84</v>
      </c>
      <c r="I159" s="7">
        <v>7406650.3799999999</v>
      </c>
      <c r="J159" s="7">
        <v>22216189.16</v>
      </c>
      <c r="K159" s="7">
        <v>0.28000000000000003</v>
      </c>
      <c r="L159" s="7">
        <v>29133810.84</v>
      </c>
    </row>
    <row r="160" spans="1:12" x14ac:dyDescent="0.25">
      <c r="A160" s="2" t="s">
        <v>313</v>
      </c>
      <c r="B160" s="4" t="s">
        <v>380</v>
      </c>
      <c r="C160" s="7">
        <v>60600000</v>
      </c>
      <c r="D160" s="7">
        <v>60600000</v>
      </c>
      <c r="E160" s="7">
        <v>8809393.5600000005</v>
      </c>
      <c r="F160" s="7">
        <v>26237082.030000001</v>
      </c>
      <c r="G160" s="7">
        <v>0.27</v>
      </c>
      <c r="H160" s="7">
        <v>34362917.969999999</v>
      </c>
      <c r="I160" s="7">
        <v>8809393.5600000005</v>
      </c>
      <c r="J160" s="7">
        <v>26237082.030000001</v>
      </c>
      <c r="K160" s="7">
        <v>0.34</v>
      </c>
      <c r="L160" s="7">
        <v>34362917.969999999</v>
      </c>
    </row>
    <row r="161" spans="1:12" x14ac:dyDescent="0.25">
      <c r="A161" s="3" t="s">
        <v>315</v>
      </c>
      <c r="B161" s="5" t="s">
        <v>382</v>
      </c>
      <c r="C161" s="6">
        <v>176151000</v>
      </c>
      <c r="D161" s="6">
        <v>173859800</v>
      </c>
      <c r="E161" s="6">
        <v>6880000</v>
      </c>
      <c r="F161" s="6">
        <v>171408000</v>
      </c>
      <c r="G161" s="6">
        <v>1.76</v>
      </c>
      <c r="H161" s="6">
        <v>2451800</v>
      </c>
      <c r="I161" s="6">
        <v>31370131.93</v>
      </c>
      <c r="J161" s="6">
        <v>83646678.019999996</v>
      </c>
      <c r="K161" s="6">
        <v>1.07</v>
      </c>
      <c r="L161" s="6">
        <v>90213121.980000004</v>
      </c>
    </row>
    <row r="162" spans="1:12" x14ac:dyDescent="0.25">
      <c r="A162" s="2" t="s">
        <v>317</v>
      </c>
      <c r="B162" s="4" t="s">
        <v>384</v>
      </c>
      <c r="C162" s="7">
        <v>176151000</v>
      </c>
      <c r="D162" s="7">
        <v>173859800</v>
      </c>
      <c r="E162" s="7">
        <v>6880000</v>
      </c>
      <c r="F162" s="7">
        <v>171408000</v>
      </c>
      <c r="G162" s="7">
        <v>1.76</v>
      </c>
      <c r="H162" s="7">
        <v>2451800</v>
      </c>
      <c r="I162" s="7">
        <v>31370131.93</v>
      </c>
      <c r="J162" s="7">
        <v>83646678.019999996</v>
      </c>
      <c r="K162" s="7">
        <v>1.07</v>
      </c>
      <c r="L162" s="7">
        <v>90213121.980000004</v>
      </c>
    </row>
    <row r="163" spans="1:12" x14ac:dyDescent="0.25">
      <c r="A163" s="3" t="s">
        <v>319</v>
      </c>
      <c r="B163" s="5" t="s">
        <v>388</v>
      </c>
      <c r="C163" s="6">
        <v>100710600</v>
      </c>
      <c r="D163" s="6">
        <v>103388032.95999999</v>
      </c>
      <c r="E163" s="6">
        <v>14391586.720000001</v>
      </c>
      <c r="F163" s="6">
        <v>42928179.140000001</v>
      </c>
      <c r="G163" s="6">
        <v>0.44</v>
      </c>
      <c r="H163" s="6">
        <v>60459853.82</v>
      </c>
      <c r="I163" s="6">
        <v>14391586.720000001</v>
      </c>
      <c r="J163" s="6">
        <v>42928179.140000001</v>
      </c>
      <c r="K163" s="6">
        <v>0.54</v>
      </c>
      <c r="L163" s="6">
        <v>60459853.82</v>
      </c>
    </row>
    <row r="164" spans="1:12" x14ac:dyDescent="0.25">
      <c r="A164" s="2" t="s">
        <v>321</v>
      </c>
      <c r="B164" s="4" t="s">
        <v>389</v>
      </c>
      <c r="C164" s="7">
        <v>53703600</v>
      </c>
      <c r="D164" s="7">
        <v>53633600</v>
      </c>
      <c r="E164" s="7">
        <v>7628794.2199999997</v>
      </c>
      <c r="F164" s="7">
        <v>22649447.399999999</v>
      </c>
      <c r="G164" s="7">
        <v>0.23</v>
      </c>
      <c r="H164" s="7">
        <v>30984152.600000001</v>
      </c>
      <c r="I164" s="7">
        <v>7628794.2199999997</v>
      </c>
      <c r="J164" s="7">
        <v>22649447.399999999</v>
      </c>
      <c r="K164" s="7">
        <v>0.28999999999999998</v>
      </c>
      <c r="L164" s="7">
        <v>30984152.600000001</v>
      </c>
    </row>
    <row r="165" spans="1:12" x14ac:dyDescent="0.25">
      <c r="A165" s="2" t="s">
        <v>323</v>
      </c>
      <c r="B165" s="4" t="s">
        <v>390</v>
      </c>
      <c r="C165" s="7">
        <v>16622000</v>
      </c>
      <c r="D165" s="7">
        <v>16622000</v>
      </c>
      <c r="E165" s="7">
        <v>2207342.5099999998</v>
      </c>
      <c r="F165" s="7">
        <v>6606926.0099999998</v>
      </c>
      <c r="G165" s="7">
        <v>7.0000000000000007E-2</v>
      </c>
      <c r="H165" s="7">
        <v>10015073.99</v>
      </c>
      <c r="I165" s="7">
        <v>2207342.5099999998</v>
      </c>
      <c r="J165" s="7">
        <v>6606926.0099999998</v>
      </c>
      <c r="K165" s="7">
        <v>0.08</v>
      </c>
      <c r="L165" s="7">
        <v>10015073.99</v>
      </c>
    </row>
    <row r="166" spans="1:12" x14ac:dyDescent="0.25">
      <c r="A166" s="2" t="s">
        <v>325</v>
      </c>
      <c r="B166" s="4" t="s">
        <v>386</v>
      </c>
      <c r="C166" s="7">
        <v>5000</v>
      </c>
      <c r="D166" s="7">
        <v>500</v>
      </c>
      <c r="E166" s="7">
        <v>0</v>
      </c>
      <c r="F166" s="7">
        <v>0</v>
      </c>
      <c r="G166" s="7">
        <v>0</v>
      </c>
      <c r="H166" s="7">
        <v>500</v>
      </c>
      <c r="I166" s="7">
        <v>0</v>
      </c>
      <c r="J166" s="7">
        <v>0</v>
      </c>
      <c r="K166" s="7">
        <v>0</v>
      </c>
      <c r="L166" s="7">
        <v>500</v>
      </c>
    </row>
    <row r="167" spans="1:12" x14ac:dyDescent="0.25">
      <c r="A167" s="2" t="s">
        <v>327</v>
      </c>
      <c r="B167" s="4" t="s">
        <v>391</v>
      </c>
      <c r="C167" s="7">
        <v>30380000</v>
      </c>
      <c r="D167" s="7">
        <v>33131932.960000001</v>
      </c>
      <c r="E167" s="7">
        <v>4555449.99</v>
      </c>
      <c r="F167" s="7">
        <v>13671805.73</v>
      </c>
      <c r="G167" s="7">
        <v>0.14000000000000001</v>
      </c>
      <c r="H167" s="7">
        <v>19460127.23</v>
      </c>
      <c r="I167" s="7">
        <v>4555449.99</v>
      </c>
      <c r="J167" s="7">
        <v>13671805.73</v>
      </c>
      <c r="K167" s="7">
        <v>0.17</v>
      </c>
      <c r="L167" s="7">
        <v>19460127.23</v>
      </c>
    </row>
    <row r="168" spans="1:12" x14ac:dyDescent="0.25">
      <c r="A168" s="3" t="s">
        <v>328</v>
      </c>
      <c r="B168" s="5" t="s">
        <v>392</v>
      </c>
      <c r="C168" s="6">
        <v>300665700</v>
      </c>
      <c r="D168" s="6">
        <v>339481926.79000002</v>
      </c>
      <c r="E168" s="6">
        <v>52314640.130000003</v>
      </c>
      <c r="F168" s="6">
        <v>173808441.47</v>
      </c>
      <c r="G168" s="6">
        <v>1.78</v>
      </c>
      <c r="H168" s="6">
        <v>165673485.31999999</v>
      </c>
      <c r="I168" s="6">
        <v>52331177.07</v>
      </c>
      <c r="J168" s="6">
        <v>173802386.93000001</v>
      </c>
      <c r="K168" s="6">
        <v>2.2200000000000002</v>
      </c>
      <c r="L168" s="6">
        <v>165679539.86000001</v>
      </c>
    </row>
    <row r="169" spans="1:12" x14ac:dyDescent="0.25">
      <c r="A169" s="2" t="s">
        <v>329</v>
      </c>
      <c r="B169" s="4" t="s">
        <v>384</v>
      </c>
      <c r="C169" s="7">
        <v>296232700</v>
      </c>
      <c r="D169" s="7">
        <v>334917588.79000002</v>
      </c>
      <c r="E169" s="7">
        <v>51821271.039999999</v>
      </c>
      <c r="F169" s="7">
        <v>172369016.63999999</v>
      </c>
      <c r="G169" s="7">
        <v>1.77</v>
      </c>
      <c r="H169" s="7">
        <v>162548572.15000001</v>
      </c>
      <c r="I169" s="7">
        <v>51821270.850000001</v>
      </c>
      <c r="J169" s="7">
        <v>172369016.44999999</v>
      </c>
      <c r="K169" s="7">
        <v>2.2000000000000002</v>
      </c>
      <c r="L169" s="7">
        <v>162548572.34</v>
      </c>
    </row>
    <row r="170" spans="1:12" x14ac:dyDescent="0.25">
      <c r="A170" s="2" t="s">
        <v>330</v>
      </c>
      <c r="B170" s="4" t="s">
        <v>393</v>
      </c>
      <c r="C170" s="7">
        <v>0</v>
      </c>
      <c r="D170" s="7">
        <v>0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  <c r="J170" s="7">
        <v>0</v>
      </c>
      <c r="K170" s="7">
        <v>0</v>
      </c>
      <c r="L170" s="7">
        <v>0</v>
      </c>
    </row>
    <row r="171" spans="1:12" x14ac:dyDescent="0.25">
      <c r="A171" s="2" t="s">
        <v>331</v>
      </c>
      <c r="B171" s="4" t="s">
        <v>394</v>
      </c>
      <c r="C171" s="7">
        <v>4238000</v>
      </c>
      <c r="D171" s="7">
        <v>4211438</v>
      </c>
      <c r="E171" s="7">
        <v>457048.95</v>
      </c>
      <c r="F171" s="7">
        <v>1366966.67</v>
      </c>
      <c r="G171" s="7">
        <v>0.01</v>
      </c>
      <c r="H171" s="7">
        <v>2844471.33</v>
      </c>
      <c r="I171" s="7">
        <v>457048.95</v>
      </c>
      <c r="J171" s="7">
        <v>1366966.67</v>
      </c>
      <c r="K171" s="7">
        <v>0.02</v>
      </c>
      <c r="L171" s="7">
        <v>2844471.33</v>
      </c>
    </row>
    <row r="172" spans="1:12" x14ac:dyDescent="0.25">
      <c r="A172" s="2" t="s">
        <v>332</v>
      </c>
      <c r="B172" s="4" t="s">
        <v>396</v>
      </c>
      <c r="C172" s="7">
        <v>195000</v>
      </c>
      <c r="D172" s="7">
        <v>352900</v>
      </c>
      <c r="E172" s="7">
        <v>36320.14</v>
      </c>
      <c r="F172" s="7">
        <v>72458.16</v>
      </c>
      <c r="G172" s="7">
        <v>0</v>
      </c>
      <c r="H172" s="7">
        <v>280441.84000000003</v>
      </c>
      <c r="I172" s="7">
        <v>52857.27</v>
      </c>
      <c r="J172" s="7">
        <v>66403.81</v>
      </c>
      <c r="K172" s="7">
        <v>0</v>
      </c>
      <c r="L172" s="7">
        <v>286496.19</v>
      </c>
    </row>
    <row r="173" spans="1:12" x14ac:dyDescent="0.25">
      <c r="A173" s="3" t="s">
        <v>333</v>
      </c>
      <c r="B173" s="5" t="s">
        <v>398</v>
      </c>
      <c r="C173" s="6">
        <v>227976000</v>
      </c>
      <c r="D173" s="6">
        <v>357791200</v>
      </c>
      <c r="E173" s="6">
        <v>36569381.759999998</v>
      </c>
      <c r="F173" s="6">
        <v>109840292.20999999</v>
      </c>
      <c r="G173" s="6">
        <v>1.1299999999999999</v>
      </c>
      <c r="H173" s="6">
        <v>247950907.78999999</v>
      </c>
      <c r="I173" s="6">
        <v>36456429.350000001</v>
      </c>
      <c r="J173" s="6">
        <v>109727339.8</v>
      </c>
      <c r="K173" s="6">
        <v>1.4</v>
      </c>
      <c r="L173" s="6">
        <v>248063860.19999999</v>
      </c>
    </row>
    <row r="174" spans="1:12" x14ac:dyDescent="0.25">
      <c r="A174" s="2" t="s">
        <v>334</v>
      </c>
      <c r="B174" s="4" t="s">
        <v>384</v>
      </c>
      <c r="C174" s="7">
        <v>227976000</v>
      </c>
      <c r="D174" s="7">
        <v>357791200</v>
      </c>
      <c r="E174" s="7">
        <v>36569381.759999998</v>
      </c>
      <c r="F174" s="7">
        <v>109840292.20999999</v>
      </c>
      <c r="G174" s="7">
        <v>1.1299999999999999</v>
      </c>
      <c r="H174" s="7">
        <v>247950907.78999999</v>
      </c>
      <c r="I174" s="7">
        <v>36456429.350000001</v>
      </c>
      <c r="J174" s="7">
        <v>109727339.8</v>
      </c>
      <c r="K174" s="7">
        <v>1.4</v>
      </c>
      <c r="L174" s="7">
        <v>248063860.19999999</v>
      </c>
    </row>
    <row r="175" spans="1:12" x14ac:dyDescent="0.25">
      <c r="A175" s="2" t="s">
        <v>335</v>
      </c>
      <c r="B175" s="4" t="s">
        <v>399</v>
      </c>
      <c r="C175" s="7">
        <v>0</v>
      </c>
      <c r="D175" s="7">
        <v>0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</row>
    <row r="176" spans="1:12" x14ac:dyDescent="0.25">
      <c r="A176" s="3" t="s">
        <v>337</v>
      </c>
      <c r="B176" s="5" t="s">
        <v>403</v>
      </c>
      <c r="C176" s="6">
        <v>9100000</v>
      </c>
      <c r="D176" s="6">
        <v>16956000</v>
      </c>
      <c r="E176" s="6">
        <v>1288854.45</v>
      </c>
      <c r="F176" s="6">
        <v>3835090.96</v>
      </c>
      <c r="G176" s="6">
        <v>0.04</v>
      </c>
      <c r="H176" s="6">
        <v>13120909.039999999</v>
      </c>
      <c r="I176" s="6">
        <v>1288854.45</v>
      </c>
      <c r="J176" s="6">
        <v>3835090.96</v>
      </c>
      <c r="K176" s="6">
        <v>0.05</v>
      </c>
      <c r="L176" s="6">
        <v>13120909.039999999</v>
      </c>
    </row>
    <row r="177" spans="1:12" x14ac:dyDescent="0.25">
      <c r="A177" s="2" t="s">
        <v>339</v>
      </c>
      <c r="B177" s="4" t="s">
        <v>384</v>
      </c>
      <c r="C177" s="7">
        <v>9100000</v>
      </c>
      <c r="D177" s="7">
        <v>16956000</v>
      </c>
      <c r="E177" s="7">
        <v>1288854.45</v>
      </c>
      <c r="F177" s="7">
        <v>3835090.96</v>
      </c>
      <c r="G177" s="7">
        <v>0.04</v>
      </c>
      <c r="H177" s="7">
        <v>13120909.039999999</v>
      </c>
      <c r="I177" s="7">
        <v>1288854.45</v>
      </c>
      <c r="J177" s="7">
        <v>3835090.96</v>
      </c>
      <c r="K177" s="7">
        <v>0.05</v>
      </c>
      <c r="L177" s="7">
        <v>13120909.039999999</v>
      </c>
    </row>
    <row r="178" spans="1:12" x14ac:dyDescent="0.25">
      <c r="A178" s="2" t="s">
        <v>341</v>
      </c>
      <c r="B178" s="4" t="s">
        <v>405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  <c r="J178" s="7">
        <v>0</v>
      </c>
      <c r="K178" s="7">
        <v>0</v>
      </c>
      <c r="L178" s="7">
        <v>0</v>
      </c>
    </row>
    <row r="179" spans="1:12" x14ac:dyDescent="0.25">
      <c r="A179" s="3" t="s">
        <v>343</v>
      </c>
      <c r="B179" s="5" t="s">
        <v>409</v>
      </c>
      <c r="C179" s="6">
        <v>4947600</v>
      </c>
      <c r="D179" s="6">
        <v>56633748.920000002</v>
      </c>
      <c r="E179" s="6">
        <v>15768022.1</v>
      </c>
      <c r="F179" s="6">
        <v>44904339.229999997</v>
      </c>
      <c r="G179" s="6">
        <v>0.46</v>
      </c>
      <c r="H179" s="6">
        <v>11729409.689999999</v>
      </c>
      <c r="I179" s="6">
        <v>15768022.1</v>
      </c>
      <c r="J179" s="6">
        <v>44904339.229999997</v>
      </c>
      <c r="K179" s="6">
        <v>0.56999999999999995</v>
      </c>
      <c r="L179" s="6">
        <v>11729409.689999999</v>
      </c>
    </row>
    <row r="180" spans="1:12" x14ac:dyDescent="0.25">
      <c r="A180" s="2" t="s">
        <v>346</v>
      </c>
      <c r="B180" s="4" t="s">
        <v>384</v>
      </c>
      <c r="C180" s="7">
        <v>0</v>
      </c>
      <c r="D180" s="7">
        <v>26278648.920000002</v>
      </c>
      <c r="E180" s="7">
        <v>8175617.2999999998</v>
      </c>
      <c r="F180" s="7">
        <v>22996194.43</v>
      </c>
      <c r="G180" s="7">
        <v>0.24</v>
      </c>
      <c r="H180" s="7">
        <v>3282454.49</v>
      </c>
      <c r="I180" s="7">
        <v>8175617.2999999998</v>
      </c>
      <c r="J180" s="7">
        <v>22996194.43</v>
      </c>
      <c r="K180" s="7">
        <v>0.28999999999999998</v>
      </c>
      <c r="L180" s="7">
        <v>3282454.49</v>
      </c>
    </row>
    <row r="181" spans="1:12" x14ac:dyDescent="0.25">
      <c r="A181" s="2" t="s">
        <v>348</v>
      </c>
      <c r="B181" s="4" t="s">
        <v>411</v>
      </c>
      <c r="C181" s="7">
        <v>4947600</v>
      </c>
      <c r="D181" s="7">
        <v>30355100</v>
      </c>
      <c r="E181" s="7">
        <v>7592404.7999999998</v>
      </c>
      <c r="F181" s="7">
        <v>21908144.800000001</v>
      </c>
      <c r="G181" s="7">
        <v>0.22</v>
      </c>
      <c r="H181" s="7">
        <v>8446955.1999999993</v>
      </c>
      <c r="I181" s="7">
        <v>7592404.7999999998</v>
      </c>
      <c r="J181" s="7">
        <v>21908144.800000001</v>
      </c>
      <c r="K181" s="7">
        <v>0.28000000000000003</v>
      </c>
      <c r="L181" s="7">
        <v>8446955.1999999993</v>
      </c>
    </row>
    <row r="182" spans="1:12" x14ac:dyDescent="0.25">
      <c r="A182" s="3" t="s">
        <v>350</v>
      </c>
      <c r="B182" s="5" t="s">
        <v>417</v>
      </c>
      <c r="C182" s="6">
        <v>1805000</v>
      </c>
      <c r="D182" s="6">
        <v>1805000</v>
      </c>
      <c r="E182" s="6">
        <v>403799.16</v>
      </c>
      <c r="F182" s="6">
        <v>1396340.48</v>
      </c>
      <c r="G182" s="6">
        <v>0.01</v>
      </c>
      <c r="H182" s="6">
        <v>408659.52</v>
      </c>
      <c r="I182" s="6">
        <v>403799.16</v>
      </c>
      <c r="J182" s="6">
        <v>1396340.48</v>
      </c>
      <c r="K182" s="6">
        <v>0.02</v>
      </c>
      <c r="L182" s="6">
        <v>408659.52</v>
      </c>
    </row>
    <row r="183" spans="1:12" x14ac:dyDescent="0.25">
      <c r="A183" s="2" t="s">
        <v>352</v>
      </c>
      <c r="B183" s="4" t="s">
        <v>384</v>
      </c>
      <c r="C183" s="7">
        <v>1805000</v>
      </c>
      <c r="D183" s="7">
        <v>1805000</v>
      </c>
      <c r="E183" s="7">
        <v>403799.16</v>
      </c>
      <c r="F183" s="7">
        <v>1396340.48</v>
      </c>
      <c r="G183" s="7">
        <v>0.01</v>
      </c>
      <c r="H183" s="7">
        <v>408659.52</v>
      </c>
      <c r="I183" s="7">
        <v>403799.16</v>
      </c>
      <c r="J183" s="7">
        <v>1396340.48</v>
      </c>
      <c r="K183" s="7">
        <v>0.02</v>
      </c>
      <c r="L183" s="7">
        <v>408659.52</v>
      </c>
    </row>
    <row r="184" spans="1:12" x14ac:dyDescent="0.25">
      <c r="A184" s="3" t="s">
        <v>354</v>
      </c>
      <c r="B184" s="5" t="s">
        <v>419</v>
      </c>
      <c r="C184" s="6">
        <v>654643400</v>
      </c>
      <c r="D184" s="6">
        <v>566259140.75</v>
      </c>
      <c r="E184" s="6">
        <v>132123735.15000001</v>
      </c>
      <c r="F184" s="6">
        <v>398067729.76999998</v>
      </c>
      <c r="G184" s="6">
        <v>4.08</v>
      </c>
      <c r="H184" s="6">
        <v>168191410.97999999</v>
      </c>
      <c r="I184" s="6">
        <v>132195728.54000001</v>
      </c>
      <c r="J184" s="6">
        <v>398033173.57999998</v>
      </c>
      <c r="K184" s="6">
        <v>5.08</v>
      </c>
      <c r="L184" s="6">
        <v>168225967.16999999</v>
      </c>
    </row>
    <row r="185" spans="1:12" x14ac:dyDescent="0.25">
      <c r="A185" s="2" t="s">
        <v>356</v>
      </c>
      <c r="B185" s="4" t="s">
        <v>384</v>
      </c>
      <c r="C185" s="7">
        <v>654398900</v>
      </c>
      <c r="D185" s="7">
        <v>566014640.75</v>
      </c>
      <c r="E185" s="7">
        <v>132123735.15000001</v>
      </c>
      <c r="F185" s="7">
        <v>398067729.76999998</v>
      </c>
      <c r="G185" s="7">
        <v>4.08</v>
      </c>
      <c r="H185" s="7">
        <v>167946910.97999999</v>
      </c>
      <c r="I185" s="7">
        <v>132195728.54000001</v>
      </c>
      <c r="J185" s="7">
        <v>398033173.57999998</v>
      </c>
      <c r="K185" s="7">
        <v>5.08</v>
      </c>
      <c r="L185" s="7">
        <v>167981467.16999999</v>
      </c>
    </row>
    <row r="186" spans="1:12" x14ac:dyDescent="0.25">
      <c r="A186" s="2" t="s">
        <v>358</v>
      </c>
      <c r="B186" s="4" t="s">
        <v>425</v>
      </c>
      <c r="C186" s="7">
        <v>244500</v>
      </c>
      <c r="D186" s="7">
        <v>244500</v>
      </c>
      <c r="E186" s="7">
        <v>0</v>
      </c>
      <c r="F186" s="7">
        <v>0</v>
      </c>
      <c r="G186" s="7">
        <v>0</v>
      </c>
      <c r="H186" s="7">
        <v>244500</v>
      </c>
      <c r="I186" s="7">
        <v>0</v>
      </c>
      <c r="J186" s="7">
        <v>0</v>
      </c>
      <c r="K186" s="7">
        <v>0</v>
      </c>
      <c r="L186" s="7">
        <v>244500</v>
      </c>
    </row>
    <row r="187" spans="1:12" x14ac:dyDescent="0.25">
      <c r="A187" s="3" t="s">
        <v>360</v>
      </c>
      <c r="B187" s="5" t="s">
        <v>427</v>
      </c>
      <c r="C187" s="6">
        <v>3334600</v>
      </c>
      <c r="D187" s="6">
        <v>2039383.46</v>
      </c>
      <c r="E187" s="6">
        <v>244227.54</v>
      </c>
      <c r="F187" s="6">
        <v>1381080.59</v>
      </c>
      <c r="G187" s="6">
        <v>0.01</v>
      </c>
      <c r="H187" s="6">
        <v>658302.87</v>
      </c>
      <c r="I187" s="6">
        <v>244227.54</v>
      </c>
      <c r="J187" s="6">
        <v>1381080.59</v>
      </c>
      <c r="K187" s="6">
        <v>0.02</v>
      </c>
      <c r="L187" s="6">
        <v>658302.87</v>
      </c>
    </row>
    <row r="188" spans="1:12" x14ac:dyDescent="0.25">
      <c r="A188" s="2" t="s">
        <v>362</v>
      </c>
      <c r="B188" s="4" t="s">
        <v>384</v>
      </c>
      <c r="C188" s="7">
        <v>3334600</v>
      </c>
      <c r="D188" s="7">
        <v>2039383.46</v>
      </c>
      <c r="E188" s="7">
        <v>244227.54</v>
      </c>
      <c r="F188" s="7">
        <v>1381080.59</v>
      </c>
      <c r="G188" s="7">
        <v>0.01</v>
      </c>
      <c r="H188" s="7">
        <v>658302.87</v>
      </c>
      <c r="I188" s="7">
        <v>244227.54</v>
      </c>
      <c r="J188" s="7">
        <v>1381080.59</v>
      </c>
      <c r="K188" s="7">
        <v>0.02</v>
      </c>
      <c r="L188" s="7">
        <v>658302.87</v>
      </c>
    </row>
    <row r="189" spans="1:12" x14ac:dyDescent="0.25">
      <c r="A189" s="3" t="s">
        <v>364</v>
      </c>
      <c r="B189" s="5" t="s">
        <v>430</v>
      </c>
      <c r="C189" s="6">
        <v>49660000</v>
      </c>
      <c r="D189" s="6">
        <v>49660000</v>
      </c>
      <c r="E189" s="6">
        <v>7791935.1299999999</v>
      </c>
      <c r="F189" s="6">
        <v>24484793.780000001</v>
      </c>
      <c r="G189" s="6">
        <v>0.25</v>
      </c>
      <c r="H189" s="6">
        <v>25175206.219999999</v>
      </c>
      <c r="I189" s="6">
        <v>7791935.1299999999</v>
      </c>
      <c r="J189" s="6">
        <v>24484793.780000001</v>
      </c>
      <c r="K189" s="6">
        <v>0.31</v>
      </c>
      <c r="L189" s="6">
        <v>25175206.219999999</v>
      </c>
    </row>
    <row r="190" spans="1:12" x14ac:dyDescent="0.25">
      <c r="A190" s="2" t="s">
        <v>480</v>
      </c>
      <c r="B190" s="4" t="s">
        <v>395</v>
      </c>
      <c r="C190" s="7">
        <v>0</v>
      </c>
      <c r="D190" s="7">
        <v>0</v>
      </c>
      <c r="E190" s="7">
        <v>0</v>
      </c>
      <c r="F190" s="7">
        <v>0</v>
      </c>
      <c r="G190" s="7">
        <v>0</v>
      </c>
      <c r="H190" s="7">
        <v>0</v>
      </c>
      <c r="I190" s="7">
        <v>0</v>
      </c>
      <c r="J190" s="7">
        <v>0</v>
      </c>
      <c r="K190" s="7">
        <v>0</v>
      </c>
      <c r="L190" s="7">
        <v>0</v>
      </c>
    </row>
    <row r="191" spans="1:12" x14ac:dyDescent="0.25">
      <c r="A191" s="2" t="s">
        <v>481</v>
      </c>
      <c r="B191" s="4" t="s">
        <v>402</v>
      </c>
      <c r="C191" s="7">
        <v>49660000</v>
      </c>
      <c r="D191" s="7">
        <v>49660000</v>
      </c>
      <c r="E191" s="7">
        <v>7791935.1299999999</v>
      </c>
      <c r="F191" s="7">
        <v>24484793.780000001</v>
      </c>
      <c r="G191" s="7">
        <v>0.25</v>
      </c>
      <c r="H191" s="7">
        <v>25175206.219999999</v>
      </c>
      <c r="I191" s="7">
        <v>7791935.1299999999</v>
      </c>
      <c r="J191" s="7">
        <v>24484793.780000001</v>
      </c>
      <c r="K191" s="7">
        <v>0.31</v>
      </c>
      <c r="L191" s="7">
        <v>25175206.219999999</v>
      </c>
    </row>
    <row r="192" spans="1:12" x14ac:dyDescent="0.25">
      <c r="A192" s="3" t="s">
        <v>482</v>
      </c>
      <c r="B192" s="5" t="s">
        <v>434</v>
      </c>
      <c r="C192" s="6">
        <v>1335800</v>
      </c>
      <c r="D192" s="6">
        <v>1335800</v>
      </c>
      <c r="E192" s="6">
        <v>211970.49</v>
      </c>
      <c r="F192" s="6">
        <v>624066.43999999994</v>
      </c>
      <c r="G192" s="6">
        <v>0.01</v>
      </c>
      <c r="H192" s="6">
        <v>711733.56</v>
      </c>
      <c r="I192" s="6">
        <v>211970.49</v>
      </c>
      <c r="J192" s="6">
        <v>624066.43999999994</v>
      </c>
      <c r="K192" s="6">
        <v>0.01</v>
      </c>
      <c r="L192" s="6">
        <v>711733.56</v>
      </c>
    </row>
    <row r="193" spans="1:12" x14ac:dyDescent="0.25">
      <c r="A193" s="2" t="s">
        <v>483</v>
      </c>
      <c r="B193" s="4" t="s">
        <v>384</v>
      </c>
      <c r="C193" s="7">
        <v>1335800</v>
      </c>
      <c r="D193" s="7">
        <v>1335800</v>
      </c>
      <c r="E193" s="7">
        <v>211970.49</v>
      </c>
      <c r="F193" s="7">
        <v>624066.43999999994</v>
      </c>
      <c r="G193" s="7">
        <v>0.01</v>
      </c>
      <c r="H193" s="7">
        <v>711733.56</v>
      </c>
      <c r="I193" s="7">
        <v>211970.49</v>
      </c>
      <c r="J193" s="7">
        <v>624066.43999999994</v>
      </c>
      <c r="K193" s="7">
        <v>0.01</v>
      </c>
      <c r="L193" s="7">
        <v>711733.56</v>
      </c>
    </row>
    <row r="194" spans="1:12" x14ac:dyDescent="0.25">
      <c r="A194" s="3" t="s">
        <v>484</v>
      </c>
      <c r="B194" s="5" t="s">
        <v>438</v>
      </c>
      <c r="C194" s="6">
        <v>10000000</v>
      </c>
      <c r="D194" s="6">
        <v>10070148.189999999</v>
      </c>
      <c r="E194" s="6">
        <v>978766.87</v>
      </c>
      <c r="F194" s="6">
        <v>3364990.46</v>
      </c>
      <c r="G194" s="6">
        <v>0.03</v>
      </c>
      <c r="H194" s="6">
        <v>6705157.7300000004</v>
      </c>
      <c r="I194" s="6">
        <v>978766.87</v>
      </c>
      <c r="J194" s="6">
        <v>3364990.46</v>
      </c>
      <c r="K194" s="6">
        <v>0.04</v>
      </c>
      <c r="L194" s="6">
        <v>6705157.7300000004</v>
      </c>
    </row>
    <row r="195" spans="1:12" x14ac:dyDescent="0.25">
      <c r="A195" s="2" t="s">
        <v>485</v>
      </c>
      <c r="B195" s="4" t="s">
        <v>384</v>
      </c>
      <c r="C195" s="7">
        <v>10000000</v>
      </c>
      <c r="D195" s="7">
        <v>10070148.189999999</v>
      </c>
      <c r="E195" s="7">
        <v>978766.87</v>
      </c>
      <c r="F195" s="7">
        <v>3364990.46</v>
      </c>
      <c r="G195" s="7">
        <v>0.03</v>
      </c>
      <c r="H195" s="7">
        <v>6705157.7300000004</v>
      </c>
      <c r="I195" s="7">
        <v>978766.87</v>
      </c>
      <c r="J195" s="7">
        <v>3364990.46</v>
      </c>
      <c r="K195" s="7">
        <v>0.04</v>
      </c>
      <c r="L195" s="7">
        <v>6705157.7300000004</v>
      </c>
    </row>
    <row r="196" spans="1:12" x14ac:dyDescent="0.25">
      <c r="A196" s="3" t="s">
        <v>486</v>
      </c>
      <c r="B196" s="5" t="s">
        <v>445</v>
      </c>
      <c r="C196" s="6">
        <v>39525000</v>
      </c>
      <c r="D196" s="6">
        <v>39525000</v>
      </c>
      <c r="E196" s="6">
        <v>6348167.4900000002</v>
      </c>
      <c r="F196" s="6">
        <v>19036390.43</v>
      </c>
      <c r="G196" s="6">
        <v>0.2</v>
      </c>
      <c r="H196" s="6">
        <v>20488609.57</v>
      </c>
      <c r="I196" s="6">
        <v>6348167.4900000002</v>
      </c>
      <c r="J196" s="6">
        <v>19036390.43</v>
      </c>
      <c r="K196" s="6">
        <v>0.24</v>
      </c>
      <c r="L196" s="6">
        <v>20488609.57</v>
      </c>
    </row>
    <row r="197" spans="1:12" x14ac:dyDescent="0.25">
      <c r="A197" s="2" t="s">
        <v>487</v>
      </c>
      <c r="B197" s="4" t="s">
        <v>384</v>
      </c>
      <c r="C197" s="7">
        <v>39525000</v>
      </c>
      <c r="D197" s="7">
        <v>39525000</v>
      </c>
      <c r="E197" s="7">
        <v>6348167.4900000002</v>
      </c>
      <c r="F197" s="7">
        <v>19036390.43</v>
      </c>
      <c r="G197" s="7">
        <v>0.2</v>
      </c>
      <c r="H197" s="7">
        <v>20488609.57</v>
      </c>
      <c r="I197" s="7">
        <v>6348167.4900000002</v>
      </c>
      <c r="J197" s="7">
        <v>19036390.43</v>
      </c>
      <c r="K197" s="7">
        <v>0.24</v>
      </c>
      <c r="L197" s="7">
        <v>20488609.57</v>
      </c>
    </row>
    <row r="198" spans="1:12" x14ac:dyDescent="0.25">
      <c r="A198" s="3" t="s">
        <v>488</v>
      </c>
      <c r="B198" s="5" t="s">
        <v>453</v>
      </c>
      <c r="C198" s="6">
        <v>0</v>
      </c>
      <c r="D198" s="6">
        <v>10000000</v>
      </c>
      <c r="E198" s="6">
        <v>10000000</v>
      </c>
      <c r="F198" s="6">
        <v>10000000</v>
      </c>
      <c r="G198" s="6">
        <v>0.1</v>
      </c>
      <c r="H198" s="6">
        <v>0</v>
      </c>
      <c r="I198" s="6">
        <v>10000000</v>
      </c>
      <c r="J198" s="6">
        <v>10000000</v>
      </c>
      <c r="K198" s="6">
        <v>0.13</v>
      </c>
      <c r="L198" s="6">
        <v>0</v>
      </c>
    </row>
    <row r="199" spans="1:12" x14ac:dyDescent="0.25">
      <c r="A199" s="2" t="s">
        <v>489</v>
      </c>
      <c r="B199" s="4" t="s">
        <v>454</v>
      </c>
      <c r="C199" s="7">
        <v>0</v>
      </c>
      <c r="D199" s="7">
        <v>10000000</v>
      </c>
      <c r="E199" s="7">
        <v>10000000</v>
      </c>
      <c r="F199" s="7">
        <v>10000000</v>
      </c>
      <c r="G199" s="7">
        <v>0.1</v>
      </c>
      <c r="H199" s="7">
        <v>0</v>
      </c>
      <c r="I199" s="7">
        <v>10000000</v>
      </c>
      <c r="J199" s="7">
        <v>10000000</v>
      </c>
      <c r="K199" s="7">
        <v>0.13</v>
      </c>
      <c r="L199" s="7">
        <v>0</v>
      </c>
    </row>
    <row r="200" spans="1:12" x14ac:dyDescent="0.25">
      <c r="A200" s="3" t="s">
        <v>490</v>
      </c>
      <c r="B200" s="5" t="s">
        <v>455</v>
      </c>
      <c r="C200" s="6">
        <v>3724000</v>
      </c>
      <c r="D200" s="6">
        <v>3994000</v>
      </c>
      <c r="E200" s="6">
        <v>550905.48</v>
      </c>
      <c r="F200" s="6">
        <v>1775003.6</v>
      </c>
      <c r="G200" s="6">
        <v>0.02</v>
      </c>
      <c r="H200" s="6">
        <v>2218996.4</v>
      </c>
      <c r="I200" s="6">
        <v>550905.48</v>
      </c>
      <c r="J200" s="6">
        <v>1775003.6</v>
      </c>
      <c r="K200" s="6">
        <v>0.02</v>
      </c>
      <c r="L200" s="6">
        <v>2218996.4</v>
      </c>
    </row>
    <row r="201" spans="1:12" x14ac:dyDescent="0.25">
      <c r="A201" s="2" t="s">
        <v>491</v>
      </c>
      <c r="B201" s="4" t="s">
        <v>456</v>
      </c>
      <c r="C201" s="7">
        <v>1644000</v>
      </c>
      <c r="D201" s="7">
        <v>1914000</v>
      </c>
      <c r="E201" s="7">
        <v>255561.41</v>
      </c>
      <c r="F201" s="7">
        <v>756592.8</v>
      </c>
      <c r="G201" s="7">
        <v>0.01</v>
      </c>
      <c r="H201" s="7">
        <v>1157407.2</v>
      </c>
      <c r="I201" s="7">
        <v>255561.41</v>
      </c>
      <c r="J201" s="7">
        <v>756592.8</v>
      </c>
      <c r="K201" s="7">
        <v>0.01</v>
      </c>
      <c r="L201" s="7">
        <v>1157407.2</v>
      </c>
    </row>
    <row r="202" spans="1:12" x14ac:dyDescent="0.25">
      <c r="A202" s="2" t="s">
        <v>492</v>
      </c>
      <c r="B202" s="4" t="s">
        <v>458</v>
      </c>
      <c r="C202" s="7">
        <v>2080000</v>
      </c>
      <c r="D202" s="7">
        <v>2080000</v>
      </c>
      <c r="E202" s="7">
        <v>295344.07</v>
      </c>
      <c r="F202" s="7">
        <v>1018410.8</v>
      </c>
      <c r="G202" s="7">
        <v>0.01</v>
      </c>
      <c r="H202" s="7">
        <v>1061589.2</v>
      </c>
      <c r="I202" s="7">
        <v>295344.07</v>
      </c>
      <c r="J202" s="7">
        <v>1018410.8</v>
      </c>
      <c r="K202" s="7">
        <v>0.01</v>
      </c>
      <c r="L202" s="7">
        <v>1061589.2</v>
      </c>
    </row>
    <row r="203" spans="1:12" x14ac:dyDescent="0.25">
      <c r="A203" s="3" t="s">
        <v>493</v>
      </c>
      <c r="B203" s="5" t="s">
        <v>465</v>
      </c>
      <c r="C203" s="6">
        <v>35878800</v>
      </c>
      <c r="D203" s="6">
        <v>35884398</v>
      </c>
      <c r="E203" s="6">
        <v>5927044.5899999999</v>
      </c>
      <c r="F203" s="6">
        <v>17774890.75</v>
      </c>
      <c r="G203" s="6">
        <v>0.18</v>
      </c>
      <c r="H203" s="6">
        <v>18109507.25</v>
      </c>
      <c r="I203" s="6">
        <v>5927044.5899999999</v>
      </c>
      <c r="J203" s="6">
        <v>17774890.75</v>
      </c>
      <c r="K203" s="6">
        <v>0.23</v>
      </c>
      <c r="L203" s="6">
        <v>18109507.25</v>
      </c>
    </row>
    <row r="204" spans="1:12" x14ac:dyDescent="0.25">
      <c r="A204" s="2" t="s">
        <v>494</v>
      </c>
      <c r="B204" s="4" t="s">
        <v>384</v>
      </c>
      <c r="C204" s="7">
        <v>35878800</v>
      </c>
      <c r="D204" s="7">
        <v>35884398</v>
      </c>
      <c r="E204" s="7">
        <v>5927044.5899999999</v>
      </c>
      <c r="F204" s="7">
        <v>17774890.75</v>
      </c>
      <c r="G204" s="7">
        <v>0.18</v>
      </c>
      <c r="H204" s="7">
        <v>18109507.25</v>
      </c>
      <c r="I204" s="7">
        <v>5927044.5899999999</v>
      </c>
      <c r="J204" s="7">
        <v>17774890.75</v>
      </c>
      <c r="K204" s="7">
        <v>0.23</v>
      </c>
      <c r="L204" s="7">
        <v>18109507.25</v>
      </c>
    </row>
    <row r="205" spans="1:12" x14ac:dyDescent="0.25">
      <c r="A205" s="3" t="s">
        <v>495</v>
      </c>
      <c r="B205" s="5" t="s">
        <v>470</v>
      </c>
      <c r="C205" s="6">
        <v>0</v>
      </c>
      <c r="D205" s="6">
        <v>197553.48</v>
      </c>
      <c r="E205" s="6">
        <v>60410.55</v>
      </c>
      <c r="F205" s="6">
        <v>183102.13</v>
      </c>
      <c r="G205" s="6">
        <v>0</v>
      </c>
      <c r="H205" s="6">
        <v>14451.35</v>
      </c>
      <c r="I205" s="6">
        <v>60811.13</v>
      </c>
      <c r="J205" s="6">
        <v>181900.39</v>
      </c>
      <c r="K205" s="6">
        <v>0</v>
      </c>
      <c r="L205" s="6">
        <v>15653.09</v>
      </c>
    </row>
    <row r="206" spans="1:12" x14ac:dyDescent="0.25">
      <c r="A206" s="2" t="s">
        <v>496</v>
      </c>
      <c r="B206" s="4" t="s">
        <v>472</v>
      </c>
      <c r="C206" s="7">
        <v>0</v>
      </c>
      <c r="D206" s="7">
        <v>197553.48</v>
      </c>
      <c r="E206" s="7">
        <v>60410.55</v>
      </c>
      <c r="F206" s="7">
        <v>183102.13</v>
      </c>
      <c r="G206" s="7">
        <v>0</v>
      </c>
      <c r="H206" s="7">
        <v>14451.35</v>
      </c>
      <c r="I206" s="7">
        <v>60811.13</v>
      </c>
      <c r="J206" s="7">
        <v>181900.39</v>
      </c>
      <c r="K206" s="7">
        <v>0</v>
      </c>
      <c r="L206" s="7">
        <v>15653.09</v>
      </c>
    </row>
    <row r="207" spans="1:12" x14ac:dyDescent="0.25">
      <c r="A207" s="3" t="s">
        <v>497</v>
      </c>
      <c r="B207" s="5" t="s">
        <v>473</v>
      </c>
      <c r="C207" s="6">
        <v>42220100</v>
      </c>
      <c r="D207" s="6">
        <v>16394432.859999999</v>
      </c>
      <c r="E207" s="6">
        <v>4394180.01</v>
      </c>
      <c r="F207" s="6">
        <v>12924819.619999999</v>
      </c>
      <c r="G207" s="6">
        <v>0.13</v>
      </c>
      <c r="H207" s="6">
        <v>3469613.24</v>
      </c>
      <c r="I207" s="6">
        <v>4485041.75</v>
      </c>
      <c r="J207" s="6">
        <v>12924819.619999999</v>
      </c>
      <c r="K207" s="6">
        <v>0.16</v>
      </c>
      <c r="L207" s="6">
        <v>3469613.24</v>
      </c>
    </row>
    <row r="208" spans="1:12" x14ac:dyDescent="0.25">
      <c r="A208" s="2" t="s">
        <v>498</v>
      </c>
      <c r="B208" s="4" t="s">
        <v>407</v>
      </c>
      <c r="C208" s="7">
        <v>4440100</v>
      </c>
      <c r="D208" s="7">
        <v>4440100</v>
      </c>
      <c r="E208" s="7">
        <v>1542725.28</v>
      </c>
      <c r="F208" s="7">
        <v>4135035.83</v>
      </c>
      <c r="G208" s="7">
        <v>0.04</v>
      </c>
      <c r="H208" s="7">
        <v>305064.17</v>
      </c>
      <c r="I208" s="7">
        <v>1542725.28</v>
      </c>
      <c r="J208" s="7">
        <v>4135035.83</v>
      </c>
      <c r="K208" s="7">
        <v>0.05</v>
      </c>
      <c r="L208" s="7">
        <v>305064.17</v>
      </c>
    </row>
    <row r="209" spans="1:12" x14ac:dyDescent="0.25">
      <c r="A209" s="2" t="s">
        <v>499</v>
      </c>
      <c r="B209" s="4" t="s">
        <v>381</v>
      </c>
      <c r="C209" s="7">
        <v>37780000</v>
      </c>
      <c r="D209" s="7">
        <v>11954332.859999999</v>
      </c>
      <c r="E209" s="7">
        <v>2851454.73</v>
      </c>
      <c r="F209" s="7">
        <v>8789783.7899999991</v>
      </c>
      <c r="G209" s="7">
        <v>0.09</v>
      </c>
      <c r="H209" s="7">
        <v>3164549.07</v>
      </c>
      <c r="I209" s="7">
        <v>2942316.47</v>
      </c>
      <c r="J209" s="7">
        <v>8789783.7899999991</v>
      </c>
      <c r="K209" s="7">
        <v>0.11</v>
      </c>
      <c r="L209" s="7">
        <v>3164549.07</v>
      </c>
    </row>
    <row r="210" spans="1:12" x14ac:dyDescent="0.25">
      <c r="A210" s="3" t="s">
        <v>500</v>
      </c>
      <c r="B210" s="5" t="s">
        <v>501</v>
      </c>
      <c r="C210" s="6">
        <v>16823704500</v>
      </c>
      <c r="D210" s="6">
        <v>17937211053.299999</v>
      </c>
      <c r="E210" s="6">
        <v>2825726950.0500002</v>
      </c>
      <c r="F210" s="6">
        <v>9745558676.9699993</v>
      </c>
      <c r="G210" s="6">
        <v>100</v>
      </c>
      <c r="H210" s="6">
        <v>8191652376.3299999</v>
      </c>
      <c r="I210" s="6">
        <v>2590251141.2399998</v>
      </c>
      <c r="J210" s="6">
        <v>7830786456.4799995</v>
      </c>
      <c r="K210" s="6">
        <v>99.93</v>
      </c>
      <c r="L210" s="6">
        <v>10106424596.82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topLeftCell="J22" workbookViewId="0">
      <selection activeCell="M42" sqref="M42"/>
    </sheetView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50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503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504</v>
      </c>
      <c r="C10" s="8" t="s">
        <v>505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518</v>
      </c>
      <c r="P10" s="8" t="s">
        <v>519</v>
      </c>
    </row>
    <row r="11" spans="1:16" x14ac:dyDescent="0.25">
      <c r="A11" s="8" t="s">
        <v>7</v>
      </c>
      <c r="B11" s="8" t="s">
        <v>7</v>
      </c>
      <c r="C11" s="1" t="s">
        <v>506</v>
      </c>
      <c r="D11" s="1" t="s">
        <v>507</v>
      </c>
      <c r="E11" s="1" t="s">
        <v>508</v>
      </c>
      <c r="F11" s="1" t="s">
        <v>509</v>
      </c>
      <c r="G11" s="1" t="s">
        <v>510</v>
      </c>
      <c r="H11" s="1" t="s">
        <v>511</v>
      </c>
      <c r="I11" s="1" t="s">
        <v>512</v>
      </c>
      <c r="J11" s="1" t="s">
        <v>513</v>
      </c>
      <c r="K11" s="1" t="s">
        <v>514</v>
      </c>
      <c r="L11" s="1" t="s">
        <v>515</v>
      </c>
      <c r="M11" s="1" t="s">
        <v>516</v>
      </c>
      <c r="N11" s="1" t="s">
        <v>517</v>
      </c>
      <c r="O11" s="8" t="s">
        <v>7</v>
      </c>
      <c r="P11" s="8" t="s">
        <v>7</v>
      </c>
    </row>
    <row r="12" spans="1:16" x14ac:dyDescent="0.25">
      <c r="A12" s="3" t="s">
        <v>17</v>
      </c>
      <c r="B12" s="5" t="s">
        <v>520</v>
      </c>
      <c r="C12" s="6">
        <v>1762702252.78</v>
      </c>
      <c r="D12" s="6">
        <v>1705666604.9100001</v>
      </c>
      <c r="E12" s="6">
        <v>1896686995.0999999</v>
      </c>
      <c r="F12" s="6">
        <v>1714296581.3599999</v>
      </c>
      <c r="G12" s="6">
        <v>1768784545.6099999</v>
      </c>
      <c r="H12" s="6">
        <v>2057920753.8699999</v>
      </c>
      <c r="I12" s="6">
        <v>2064612666.8699999</v>
      </c>
      <c r="J12" s="6">
        <v>1728258791.52</v>
      </c>
      <c r="K12" s="6">
        <v>1793511973.8599999</v>
      </c>
      <c r="L12" s="6">
        <v>1866206459.95</v>
      </c>
      <c r="M12" s="6">
        <v>1812898639.01</v>
      </c>
      <c r="N12" s="6">
        <v>1864784472.9300001</v>
      </c>
      <c r="O12" s="6">
        <v>22036330737.77</v>
      </c>
      <c r="P12" s="6">
        <v>19038882000</v>
      </c>
    </row>
    <row r="13" spans="1:16" x14ac:dyDescent="0.25">
      <c r="A13" s="3" t="s">
        <v>19</v>
      </c>
      <c r="B13" s="5" t="s">
        <v>521</v>
      </c>
      <c r="C13" s="6">
        <v>1022305220.28</v>
      </c>
      <c r="D13" s="6">
        <v>1032677054.6799999</v>
      </c>
      <c r="E13" s="6">
        <v>1187391346.3099999</v>
      </c>
      <c r="F13" s="6">
        <v>1162632023.27</v>
      </c>
      <c r="G13" s="6">
        <v>1223586057.22</v>
      </c>
      <c r="H13" s="6">
        <v>1220393602.54</v>
      </c>
      <c r="I13" s="6">
        <v>1470137092.51</v>
      </c>
      <c r="J13" s="6">
        <v>1123843755.4300001</v>
      </c>
      <c r="K13" s="6">
        <v>1195219309.8</v>
      </c>
      <c r="L13" s="6">
        <v>1247785613.71</v>
      </c>
      <c r="M13" s="6">
        <v>1180015496.5899999</v>
      </c>
      <c r="N13" s="6">
        <v>1220284407.79</v>
      </c>
      <c r="O13" s="6">
        <v>14286270980.129999</v>
      </c>
      <c r="P13" s="6">
        <v>12230475900</v>
      </c>
    </row>
    <row r="14" spans="1:16" x14ac:dyDescent="0.25">
      <c r="A14" s="2" t="s">
        <v>21</v>
      </c>
      <c r="B14" s="4" t="s">
        <v>522</v>
      </c>
      <c r="C14" s="7">
        <v>817232737.58000004</v>
      </c>
      <c r="D14" s="7">
        <v>851949087.67999995</v>
      </c>
      <c r="E14" s="7">
        <v>938830028.58000004</v>
      </c>
      <c r="F14" s="7">
        <v>923067340.67999995</v>
      </c>
      <c r="G14" s="7">
        <v>980655349.86000001</v>
      </c>
      <c r="H14" s="7">
        <v>969378250.40999997</v>
      </c>
      <c r="I14" s="7">
        <v>965006416.41999996</v>
      </c>
      <c r="J14" s="7">
        <v>928447223.75999999</v>
      </c>
      <c r="K14" s="7">
        <v>1003826896.14</v>
      </c>
      <c r="L14" s="7">
        <v>1055823075.17</v>
      </c>
      <c r="M14" s="7">
        <v>985604340.03999996</v>
      </c>
      <c r="N14" s="7">
        <v>1032031161.0700001</v>
      </c>
      <c r="O14" s="7">
        <v>11451851907.389999</v>
      </c>
      <c r="P14" s="7">
        <v>10054096900</v>
      </c>
    </row>
    <row r="15" spans="1:16" x14ac:dyDescent="0.25">
      <c r="A15" s="2" t="s">
        <v>23</v>
      </c>
      <c r="B15" s="4" t="s">
        <v>523</v>
      </c>
      <c r="C15" s="7">
        <v>34551895.049999997</v>
      </c>
      <c r="D15" s="7">
        <v>34648789.18</v>
      </c>
      <c r="E15" s="7">
        <v>28987241.129999999</v>
      </c>
      <c r="F15" s="7">
        <v>23954076.620000001</v>
      </c>
      <c r="G15" s="7">
        <v>20124034.5</v>
      </c>
      <c r="H15" s="7">
        <v>57376651.609999999</v>
      </c>
      <c r="I15" s="7">
        <v>373373157.02999997</v>
      </c>
      <c r="J15" s="7">
        <v>75365703.560000002</v>
      </c>
      <c r="K15" s="7">
        <v>65432879.100000001</v>
      </c>
      <c r="L15" s="7">
        <v>59045242.020000003</v>
      </c>
      <c r="M15" s="7">
        <v>60265315.270000003</v>
      </c>
      <c r="N15" s="7">
        <v>36077818.899999999</v>
      </c>
      <c r="O15" s="7">
        <v>869202803.97000003</v>
      </c>
      <c r="P15" s="7">
        <v>730803700</v>
      </c>
    </row>
    <row r="16" spans="1:16" x14ac:dyDescent="0.25">
      <c r="A16" s="2" t="s">
        <v>25</v>
      </c>
      <c r="B16" s="4" t="s">
        <v>524</v>
      </c>
      <c r="C16" s="7">
        <v>22673459.390000001</v>
      </c>
      <c r="D16" s="7">
        <v>20449259.420000002</v>
      </c>
      <c r="E16" s="7">
        <v>25491283.039999999</v>
      </c>
      <c r="F16" s="7">
        <v>17050236.870000001</v>
      </c>
      <c r="G16" s="7">
        <v>23029681.280000001</v>
      </c>
      <c r="H16" s="7">
        <v>31216650.02</v>
      </c>
      <c r="I16" s="7">
        <v>21960663.91</v>
      </c>
      <c r="J16" s="7">
        <v>15833887.59</v>
      </c>
      <c r="K16" s="7">
        <v>19986585.670000002</v>
      </c>
      <c r="L16" s="7">
        <v>29539466.850000001</v>
      </c>
      <c r="M16" s="7">
        <v>31369092.260000002</v>
      </c>
      <c r="N16" s="7">
        <v>36429993.960000001</v>
      </c>
      <c r="O16" s="7">
        <v>295030260.25999999</v>
      </c>
      <c r="P16" s="7">
        <v>182844600</v>
      </c>
    </row>
    <row r="17" spans="1:16" x14ac:dyDescent="0.25">
      <c r="A17" s="2" t="s">
        <v>27</v>
      </c>
      <c r="B17" s="4" t="s">
        <v>525</v>
      </c>
      <c r="C17" s="7">
        <v>123511384</v>
      </c>
      <c r="D17" s="7">
        <v>100285339.06</v>
      </c>
      <c r="E17" s="7">
        <v>170136381.03</v>
      </c>
      <c r="F17" s="7">
        <v>173831119.03999999</v>
      </c>
      <c r="G17" s="7">
        <v>169751627.09999999</v>
      </c>
      <c r="H17" s="7">
        <v>139268339.5</v>
      </c>
      <c r="I17" s="7">
        <v>88611078.349999994</v>
      </c>
      <c r="J17" s="7">
        <v>81430167.670000002</v>
      </c>
      <c r="K17" s="7">
        <v>81592459.920000002</v>
      </c>
      <c r="L17" s="7">
        <v>78652486.180000007</v>
      </c>
      <c r="M17" s="7">
        <v>75428422.420000002</v>
      </c>
      <c r="N17" s="7">
        <v>88648045.590000004</v>
      </c>
      <c r="O17" s="7">
        <v>1371146849.8599999</v>
      </c>
      <c r="P17" s="7">
        <v>992521700</v>
      </c>
    </row>
    <row r="18" spans="1:16" x14ac:dyDescent="0.25">
      <c r="A18" s="2" t="s">
        <v>29</v>
      </c>
      <c r="B18" s="4" t="s">
        <v>526</v>
      </c>
      <c r="C18" s="7">
        <v>24335744.260000002</v>
      </c>
      <c r="D18" s="7">
        <v>25344579.34</v>
      </c>
      <c r="E18" s="7">
        <v>23946412.530000001</v>
      </c>
      <c r="F18" s="7">
        <v>24729250.059999999</v>
      </c>
      <c r="G18" s="7">
        <v>30025364.48</v>
      </c>
      <c r="H18" s="7">
        <v>23153711</v>
      </c>
      <c r="I18" s="7">
        <v>21185776.800000001</v>
      </c>
      <c r="J18" s="7">
        <v>22766772.850000001</v>
      </c>
      <c r="K18" s="7">
        <v>24380488.969999999</v>
      </c>
      <c r="L18" s="7">
        <v>24725343.489999998</v>
      </c>
      <c r="M18" s="7">
        <v>27348326.600000001</v>
      </c>
      <c r="N18" s="7">
        <v>27097388.27</v>
      </c>
      <c r="O18" s="7">
        <v>299039158.64999998</v>
      </c>
      <c r="P18" s="7">
        <v>270209000</v>
      </c>
    </row>
    <row r="19" spans="1:16" x14ac:dyDescent="0.25">
      <c r="A19" s="2" t="s">
        <v>31</v>
      </c>
      <c r="B19" s="4" t="s">
        <v>527</v>
      </c>
      <c r="C19" s="7">
        <v>64560845.049999997</v>
      </c>
      <c r="D19" s="7">
        <v>44232596.43</v>
      </c>
      <c r="E19" s="7">
        <v>41855693.259999998</v>
      </c>
      <c r="F19" s="7">
        <v>41826302.659999996</v>
      </c>
      <c r="G19" s="7">
        <v>45484803.229999997</v>
      </c>
      <c r="H19" s="7">
        <v>151449143.28999999</v>
      </c>
      <c r="I19" s="7">
        <v>77721228.019999996</v>
      </c>
      <c r="J19" s="7">
        <v>38848141.240000002</v>
      </c>
      <c r="K19" s="7">
        <v>79647819.939999998</v>
      </c>
      <c r="L19" s="7">
        <v>68056814.049999997</v>
      </c>
      <c r="M19" s="7">
        <v>83906246</v>
      </c>
      <c r="N19" s="7">
        <v>60695925.57</v>
      </c>
      <c r="O19" s="7">
        <v>798285558.74000001</v>
      </c>
      <c r="P19" s="7">
        <v>870355100</v>
      </c>
    </row>
    <row r="20" spans="1:16" x14ac:dyDescent="0.25">
      <c r="A20" s="3" t="s">
        <v>33</v>
      </c>
      <c r="B20" s="5" t="s">
        <v>528</v>
      </c>
      <c r="C20" s="6">
        <v>121449971.8</v>
      </c>
      <c r="D20" s="6">
        <v>3257078.27</v>
      </c>
      <c r="E20" s="6">
        <v>3014462.94</v>
      </c>
      <c r="F20" s="6">
        <v>10702424.699999999</v>
      </c>
      <c r="G20" s="6">
        <v>4224556.66</v>
      </c>
      <c r="H20" s="6">
        <v>18034508.129999999</v>
      </c>
      <c r="I20" s="6">
        <v>15137243.380000001</v>
      </c>
      <c r="J20" s="6">
        <v>3862932.87</v>
      </c>
      <c r="K20" s="6">
        <v>6281394.7400000002</v>
      </c>
      <c r="L20" s="6">
        <v>15067486.18</v>
      </c>
      <c r="M20" s="6">
        <v>11082214.77</v>
      </c>
      <c r="N20" s="6">
        <v>34775994.75</v>
      </c>
      <c r="O20" s="6">
        <v>246890269.19</v>
      </c>
      <c r="P20" s="6">
        <v>110822700</v>
      </c>
    </row>
    <row r="21" spans="1:16" x14ac:dyDescent="0.25">
      <c r="A21" s="2" t="s">
        <v>35</v>
      </c>
      <c r="B21" s="4" t="s">
        <v>529</v>
      </c>
      <c r="C21" s="7">
        <v>2963682.16</v>
      </c>
      <c r="D21" s="7">
        <v>2331968.62</v>
      </c>
      <c r="E21" s="7">
        <v>2179614.7400000002</v>
      </c>
      <c r="F21" s="7">
        <v>2434785.64</v>
      </c>
      <c r="G21" s="7">
        <v>3093390.71</v>
      </c>
      <c r="H21" s="7">
        <v>3509953.94</v>
      </c>
      <c r="I21" s="7">
        <v>2909509.02</v>
      </c>
      <c r="J21" s="7">
        <v>2647590.9500000002</v>
      </c>
      <c r="K21" s="7">
        <v>5049494.07</v>
      </c>
      <c r="L21" s="7">
        <v>6157353.2699999996</v>
      </c>
      <c r="M21" s="7">
        <v>9091794.6999999993</v>
      </c>
      <c r="N21" s="7">
        <v>11307032.310000001</v>
      </c>
      <c r="O21" s="7">
        <v>53676170.130000003</v>
      </c>
      <c r="P21" s="7">
        <v>64343900</v>
      </c>
    </row>
    <row r="22" spans="1:16" x14ac:dyDescent="0.25">
      <c r="A22" s="2" t="s">
        <v>37</v>
      </c>
      <c r="B22" s="4" t="s">
        <v>530</v>
      </c>
      <c r="C22" s="7">
        <v>118486289.64</v>
      </c>
      <c r="D22" s="7">
        <v>925109.65</v>
      </c>
      <c r="E22" s="7">
        <v>834848.2</v>
      </c>
      <c r="F22" s="7">
        <v>8267639.0599999996</v>
      </c>
      <c r="G22" s="7">
        <v>1131165.95</v>
      </c>
      <c r="H22" s="7">
        <v>14524554.189999999</v>
      </c>
      <c r="I22" s="7">
        <v>12227734.359999999</v>
      </c>
      <c r="J22" s="7">
        <v>1215341.92</v>
      </c>
      <c r="K22" s="7">
        <v>1231900.67</v>
      </c>
      <c r="L22" s="7">
        <v>8910132.9100000001</v>
      </c>
      <c r="M22" s="7">
        <v>1990420.07</v>
      </c>
      <c r="N22" s="7">
        <v>23468962.440000001</v>
      </c>
      <c r="O22" s="7">
        <v>193214099.06</v>
      </c>
      <c r="P22" s="7">
        <v>46478800</v>
      </c>
    </row>
    <row r="23" spans="1:16" x14ac:dyDescent="0.25">
      <c r="A23" s="2" t="s">
        <v>39</v>
      </c>
      <c r="B23" s="4" t="s">
        <v>531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</row>
    <row r="24" spans="1:16" x14ac:dyDescent="0.25">
      <c r="A24" s="2" t="s">
        <v>41</v>
      </c>
      <c r="B24" s="4" t="s">
        <v>532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</row>
    <row r="25" spans="1:16" x14ac:dyDescent="0.25">
      <c r="A25" s="2" t="s">
        <v>43</v>
      </c>
      <c r="B25" s="4" t="s">
        <v>533</v>
      </c>
      <c r="C25" s="7">
        <v>106846495.2</v>
      </c>
      <c r="D25" s="7">
        <v>79182725.939999998</v>
      </c>
      <c r="E25" s="7">
        <v>96963603.989999995</v>
      </c>
      <c r="F25" s="7">
        <v>84660335.390000001</v>
      </c>
      <c r="G25" s="7">
        <v>85478211.019999996</v>
      </c>
      <c r="H25" s="7">
        <v>86506316.920000002</v>
      </c>
      <c r="I25" s="7">
        <v>53545302.329999998</v>
      </c>
      <c r="J25" s="7">
        <v>74812096.680000007</v>
      </c>
      <c r="K25" s="7">
        <v>46420556.409999996</v>
      </c>
      <c r="L25" s="7">
        <v>57265514.229999997</v>
      </c>
      <c r="M25" s="7">
        <v>62998324.899999999</v>
      </c>
      <c r="N25" s="7">
        <v>64258047.039999999</v>
      </c>
      <c r="O25" s="7">
        <v>898937530.04999995</v>
      </c>
      <c r="P25" s="7">
        <v>877222000</v>
      </c>
    </row>
    <row r="26" spans="1:16" x14ac:dyDescent="0.25">
      <c r="A26" s="3" t="s">
        <v>45</v>
      </c>
      <c r="B26" s="5" t="s">
        <v>534</v>
      </c>
      <c r="C26" s="6">
        <v>440870480.19</v>
      </c>
      <c r="D26" s="6">
        <v>539846027.63999999</v>
      </c>
      <c r="E26" s="6">
        <v>559873345.67999995</v>
      </c>
      <c r="F26" s="6">
        <v>408061453.05000001</v>
      </c>
      <c r="G26" s="6">
        <v>408359793.56999999</v>
      </c>
      <c r="H26" s="6">
        <v>539652857.83000004</v>
      </c>
      <c r="I26" s="6">
        <v>440063862.26999998</v>
      </c>
      <c r="J26" s="6">
        <v>479896476.56999999</v>
      </c>
      <c r="K26" s="6">
        <v>460136045.25999999</v>
      </c>
      <c r="L26" s="6">
        <v>471057249.61000001</v>
      </c>
      <c r="M26" s="6">
        <v>466736577.91000003</v>
      </c>
      <c r="N26" s="6">
        <v>461536219.87</v>
      </c>
      <c r="O26" s="6">
        <v>5676090389.4499998</v>
      </c>
      <c r="P26" s="6">
        <v>4869721400</v>
      </c>
    </row>
    <row r="27" spans="1:16" x14ac:dyDescent="0.25">
      <c r="A27" s="2" t="s">
        <v>47</v>
      </c>
      <c r="B27" s="4" t="s">
        <v>535</v>
      </c>
      <c r="C27" s="7">
        <v>82737075.430000007</v>
      </c>
      <c r="D27" s="7">
        <v>87732855.030000001</v>
      </c>
      <c r="E27" s="7">
        <v>70620849.810000002</v>
      </c>
      <c r="F27" s="7">
        <v>96131155.590000004</v>
      </c>
      <c r="G27" s="7">
        <v>129655590.31</v>
      </c>
      <c r="H27" s="7">
        <v>136735468.41</v>
      </c>
      <c r="I27" s="7">
        <v>137408613.56999999</v>
      </c>
      <c r="J27" s="7">
        <v>184765675.33000001</v>
      </c>
      <c r="K27" s="7">
        <v>122531483.90000001</v>
      </c>
      <c r="L27" s="7">
        <v>128097434.81</v>
      </c>
      <c r="M27" s="7">
        <v>153081481.06999999</v>
      </c>
      <c r="N27" s="7">
        <v>133603393.18000001</v>
      </c>
      <c r="O27" s="7">
        <v>1463101076.4400001</v>
      </c>
      <c r="P27" s="7">
        <v>1273744200</v>
      </c>
    </row>
    <row r="28" spans="1:16" x14ac:dyDescent="0.25">
      <c r="A28" s="2" t="s">
        <v>49</v>
      </c>
      <c r="B28" s="4" t="s">
        <v>536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17341427.84</v>
      </c>
      <c r="K28" s="7">
        <v>8670713.9199999999</v>
      </c>
      <c r="L28" s="7">
        <v>-26012141.760000002</v>
      </c>
      <c r="M28" s="7">
        <v>0</v>
      </c>
      <c r="N28" s="7">
        <v>0</v>
      </c>
      <c r="O28" s="7">
        <v>0</v>
      </c>
      <c r="P28" s="7">
        <v>19038100</v>
      </c>
    </row>
    <row r="29" spans="1:16" x14ac:dyDescent="0.25">
      <c r="A29" s="2" t="s">
        <v>51</v>
      </c>
      <c r="B29" s="4" t="s">
        <v>537</v>
      </c>
      <c r="C29" s="7">
        <v>6923531.3300000001</v>
      </c>
      <c r="D29" s="7">
        <v>8007177.5</v>
      </c>
      <c r="E29" s="7">
        <v>9405391.7599999998</v>
      </c>
      <c r="F29" s="7">
        <v>10764094.539999999</v>
      </c>
      <c r="G29" s="7">
        <v>11799299.720000001</v>
      </c>
      <c r="H29" s="7">
        <v>12409804.630000001</v>
      </c>
      <c r="I29" s="7">
        <v>12365694.93</v>
      </c>
      <c r="J29" s="7">
        <v>10115152.49</v>
      </c>
      <c r="K29" s="7">
        <v>12010983.199999999</v>
      </c>
      <c r="L29" s="7">
        <v>12046456.130000001</v>
      </c>
      <c r="M29" s="7">
        <v>11643582.359999999</v>
      </c>
      <c r="N29" s="7">
        <v>10680847.560000001</v>
      </c>
      <c r="O29" s="7">
        <v>128172016.15000001</v>
      </c>
      <c r="P29" s="7">
        <v>110491700</v>
      </c>
    </row>
    <row r="30" spans="1:16" x14ac:dyDescent="0.25">
      <c r="A30" s="2" t="s">
        <v>53</v>
      </c>
      <c r="B30" s="4" t="s">
        <v>538</v>
      </c>
      <c r="C30" s="7">
        <v>82094615.069999993</v>
      </c>
      <c r="D30" s="7">
        <v>93151040.109999999</v>
      </c>
      <c r="E30" s="7">
        <v>86856259.010000005</v>
      </c>
      <c r="F30" s="7">
        <v>106411880.48</v>
      </c>
      <c r="G30" s="7">
        <v>113275388.31</v>
      </c>
      <c r="H30" s="7">
        <v>106561813.84</v>
      </c>
      <c r="I30" s="7">
        <v>112256028.31999999</v>
      </c>
      <c r="J30" s="7">
        <v>120611326.43000001</v>
      </c>
      <c r="K30" s="7">
        <v>118708704.70999999</v>
      </c>
      <c r="L30" s="7">
        <v>111894962.23999999</v>
      </c>
      <c r="M30" s="7">
        <v>102986762.52</v>
      </c>
      <c r="N30" s="7">
        <v>103834978.79000001</v>
      </c>
      <c r="O30" s="7">
        <v>1258643759.8299999</v>
      </c>
      <c r="P30" s="7">
        <v>1205818000</v>
      </c>
    </row>
    <row r="31" spans="1:16" x14ac:dyDescent="0.25">
      <c r="A31" s="2" t="s">
        <v>55</v>
      </c>
      <c r="B31" s="4" t="s">
        <v>539</v>
      </c>
      <c r="C31" s="7">
        <v>269115258.36000001</v>
      </c>
      <c r="D31" s="7">
        <v>350954955</v>
      </c>
      <c r="E31" s="7">
        <v>392990845.10000002</v>
      </c>
      <c r="F31" s="7">
        <v>194754322.44</v>
      </c>
      <c r="G31" s="7">
        <v>153629515.22999999</v>
      </c>
      <c r="H31" s="7">
        <v>283945770.94999999</v>
      </c>
      <c r="I31" s="7">
        <v>178033525.44999999</v>
      </c>
      <c r="J31" s="7">
        <v>147062894.47999999</v>
      </c>
      <c r="K31" s="7">
        <v>198214159.53</v>
      </c>
      <c r="L31" s="7">
        <v>245030538.19</v>
      </c>
      <c r="M31" s="7">
        <v>199024751.96000001</v>
      </c>
      <c r="N31" s="7">
        <v>213417000.34</v>
      </c>
      <c r="O31" s="7">
        <v>2826173537.0300002</v>
      </c>
      <c r="P31" s="7">
        <v>2260629400</v>
      </c>
    </row>
    <row r="32" spans="1:16" x14ac:dyDescent="0.25">
      <c r="A32" s="2" t="s">
        <v>57</v>
      </c>
      <c r="B32" s="4" t="s">
        <v>540</v>
      </c>
      <c r="C32" s="7">
        <v>6669240.2599999998</v>
      </c>
      <c r="D32" s="7">
        <v>6471121.9500000002</v>
      </c>
      <c r="E32" s="7">
        <v>7588542.9199999999</v>
      </c>
      <c r="F32" s="7">
        <v>6414042.29</v>
      </c>
      <c r="G32" s="7">
        <v>1651123.91</v>
      </c>
      <c r="H32" s="7">
        <v>41884325.159999996</v>
      </c>
      <c r="I32" s="7">
        <v>8007938.3600000003</v>
      </c>
      <c r="J32" s="7">
        <v>6995388.7300000004</v>
      </c>
      <c r="K32" s="7">
        <v>5806847.71</v>
      </c>
      <c r="L32" s="7">
        <v>6973782.1699999999</v>
      </c>
      <c r="M32" s="7">
        <v>8159778.8399999999</v>
      </c>
      <c r="N32" s="7">
        <v>23233877.91</v>
      </c>
      <c r="O32" s="7">
        <v>129856010.20999999</v>
      </c>
      <c r="P32" s="7">
        <v>80284900</v>
      </c>
    </row>
    <row r="33" spans="1:16" x14ac:dyDescent="0.25">
      <c r="A33" s="3" t="s">
        <v>59</v>
      </c>
      <c r="B33" s="5" t="s">
        <v>541</v>
      </c>
      <c r="C33" s="6">
        <v>449196568.99000001</v>
      </c>
      <c r="D33" s="6">
        <v>443209571.38</v>
      </c>
      <c r="E33" s="6">
        <v>470022414.49000001</v>
      </c>
      <c r="F33" s="6">
        <v>465711002.63999999</v>
      </c>
      <c r="G33" s="6">
        <v>726802967.27999997</v>
      </c>
      <c r="H33" s="6">
        <v>628892918.85000002</v>
      </c>
      <c r="I33" s="6">
        <v>779508751.91999996</v>
      </c>
      <c r="J33" s="6">
        <v>529752654.13</v>
      </c>
      <c r="K33" s="6">
        <v>599801581.05999994</v>
      </c>
      <c r="L33" s="6">
        <v>610763097.14999998</v>
      </c>
      <c r="M33" s="6">
        <v>593999237.30999994</v>
      </c>
      <c r="N33" s="6">
        <v>572568912.99000001</v>
      </c>
      <c r="O33" s="6">
        <v>6870229678.1899996</v>
      </c>
      <c r="P33" s="6">
        <v>5818272000</v>
      </c>
    </row>
    <row r="34" spans="1:16" x14ac:dyDescent="0.25">
      <c r="A34" s="2" t="s">
        <v>61</v>
      </c>
      <c r="B34" s="4" t="s">
        <v>542</v>
      </c>
      <c r="C34" s="7">
        <v>236070674.71000001</v>
      </c>
      <c r="D34" s="7">
        <v>244524426.47999999</v>
      </c>
      <c r="E34" s="7">
        <v>263374702.94</v>
      </c>
      <c r="F34" s="7">
        <v>258326609.38999999</v>
      </c>
      <c r="G34" s="7">
        <v>499424278.17000002</v>
      </c>
      <c r="H34" s="7">
        <v>271892900.66000003</v>
      </c>
      <c r="I34" s="7">
        <v>485513096.61000001</v>
      </c>
      <c r="J34" s="7">
        <v>300789107.57999998</v>
      </c>
      <c r="K34" s="7">
        <v>332331803.69999999</v>
      </c>
      <c r="L34" s="7">
        <v>344709035.89999998</v>
      </c>
      <c r="M34" s="7">
        <v>317142612.76999998</v>
      </c>
      <c r="N34" s="7">
        <v>317457022.11000001</v>
      </c>
      <c r="O34" s="7">
        <v>3871556271.02</v>
      </c>
      <c r="P34" s="7">
        <v>3053349100</v>
      </c>
    </row>
    <row r="35" spans="1:16" x14ac:dyDescent="0.25">
      <c r="A35" s="2" t="s">
        <v>63</v>
      </c>
      <c r="B35" s="4" t="s">
        <v>543</v>
      </c>
      <c r="C35" s="7">
        <v>64487213.57</v>
      </c>
      <c r="D35" s="7">
        <v>44135004.079999998</v>
      </c>
      <c r="E35" s="7">
        <v>41775708.630000003</v>
      </c>
      <c r="F35" s="7">
        <v>38798970.460000001</v>
      </c>
      <c r="G35" s="7">
        <v>48291532.859999999</v>
      </c>
      <c r="H35" s="7">
        <v>146863417.25</v>
      </c>
      <c r="I35" s="7">
        <v>77649268.329999998</v>
      </c>
      <c r="J35" s="7">
        <v>38767346.450000003</v>
      </c>
      <c r="K35" s="7">
        <v>79567799.560000002</v>
      </c>
      <c r="L35" s="7">
        <v>67967927.390000001</v>
      </c>
      <c r="M35" s="7">
        <v>83833153.200000003</v>
      </c>
      <c r="N35" s="7">
        <v>60616755.020000003</v>
      </c>
      <c r="O35" s="7">
        <v>792754096.79999995</v>
      </c>
      <c r="P35" s="7">
        <v>867788800</v>
      </c>
    </row>
    <row r="36" spans="1:16" x14ac:dyDescent="0.25">
      <c r="A36" s="2" t="s">
        <v>65</v>
      </c>
      <c r="B36" s="4" t="s">
        <v>544</v>
      </c>
      <c r="C36" s="7">
        <v>73631.48</v>
      </c>
      <c r="D36" s="7">
        <v>97592.35</v>
      </c>
      <c r="E36" s="7">
        <v>79984.63</v>
      </c>
      <c r="F36" s="7">
        <v>3027332.2</v>
      </c>
      <c r="G36" s="7">
        <v>-2806729.63</v>
      </c>
      <c r="H36" s="7">
        <v>23091816.050000001</v>
      </c>
      <c r="I36" s="7">
        <v>71959.69</v>
      </c>
      <c r="J36" s="7">
        <v>1313217.92</v>
      </c>
      <c r="K36" s="7">
        <v>127760.89</v>
      </c>
      <c r="L36" s="7">
        <v>101472.11</v>
      </c>
      <c r="M36" s="7">
        <v>111852.81</v>
      </c>
      <c r="N36" s="7">
        <v>79170.55</v>
      </c>
      <c r="O36" s="7">
        <v>25369061.050000001</v>
      </c>
      <c r="P36" s="7">
        <v>0</v>
      </c>
    </row>
    <row r="37" spans="1:16" x14ac:dyDescent="0.25">
      <c r="A37" s="2" t="s">
        <v>67</v>
      </c>
      <c r="B37" s="4" t="s">
        <v>545</v>
      </c>
      <c r="C37" s="7">
        <v>148565049.22999999</v>
      </c>
      <c r="D37" s="7">
        <v>154452548.47</v>
      </c>
      <c r="E37" s="7">
        <v>164792018.28999999</v>
      </c>
      <c r="F37" s="7">
        <v>165558090.59</v>
      </c>
      <c r="G37" s="7">
        <v>181893885.88</v>
      </c>
      <c r="H37" s="7">
        <v>187044784.88999999</v>
      </c>
      <c r="I37" s="7">
        <v>216274427.28999999</v>
      </c>
      <c r="J37" s="7">
        <v>188882982.18000001</v>
      </c>
      <c r="K37" s="7">
        <v>187774216.91</v>
      </c>
      <c r="L37" s="7">
        <v>197984661.75</v>
      </c>
      <c r="M37" s="7">
        <v>192911618.53</v>
      </c>
      <c r="N37" s="7">
        <v>194415965.31</v>
      </c>
      <c r="O37" s="7">
        <v>2180550249.3200002</v>
      </c>
      <c r="P37" s="7">
        <v>1897134100</v>
      </c>
    </row>
    <row r="38" spans="1:16" x14ac:dyDescent="0.25">
      <c r="A38" s="3" t="s">
        <v>69</v>
      </c>
      <c r="B38" s="5" t="s">
        <v>546</v>
      </c>
      <c r="C38" s="6">
        <v>1313505683.79</v>
      </c>
      <c r="D38" s="6">
        <v>1262457033.53</v>
      </c>
      <c r="E38" s="6">
        <v>1426664580.6099999</v>
      </c>
      <c r="F38" s="6">
        <v>1248585578.72</v>
      </c>
      <c r="G38" s="6">
        <v>1041981578.33</v>
      </c>
      <c r="H38" s="6">
        <v>1429027835.02</v>
      </c>
      <c r="I38" s="6">
        <v>1285103914.95</v>
      </c>
      <c r="J38" s="6">
        <v>1198506137.3900001</v>
      </c>
      <c r="K38" s="6">
        <v>1193710392.8</v>
      </c>
      <c r="L38" s="6">
        <v>1255443362.8</v>
      </c>
      <c r="M38" s="6">
        <v>1218899401.7</v>
      </c>
      <c r="N38" s="6">
        <v>1292215559.9400001</v>
      </c>
      <c r="O38" s="6">
        <v>15166101059.58</v>
      </c>
      <c r="P38" s="6">
        <v>13220610000</v>
      </c>
    </row>
    <row r="39" spans="1:16" x14ac:dyDescent="0.25">
      <c r="A39" s="2" t="s">
        <v>71</v>
      </c>
      <c r="B39" s="4" t="s">
        <v>547</v>
      </c>
      <c r="C39" s="7">
        <v>250000</v>
      </c>
      <c r="D39" s="7">
        <v>-250000</v>
      </c>
      <c r="E39" s="7">
        <v>0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  <c r="O39" s="7">
        <v>0</v>
      </c>
      <c r="P39" s="7">
        <v>0</v>
      </c>
    </row>
    <row r="40" spans="1:16" x14ac:dyDescent="0.25">
      <c r="A40" s="3" t="s">
        <v>73</v>
      </c>
      <c r="B40" s="5" t="s">
        <v>548</v>
      </c>
      <c r="C40" s="6">
        <v>1313255683.79</v>
      </c>
      <c r="D40" s="6">
        <v>1262707033.53</v>
      </c>
      <c r="E40" s="6">
        <v>1426664580.6099999</v>
      </c>
      <c r="F40" s="6">
        <v>1248585578.72</v>
      </c>
      <c r="G40" s="6">
        <v>1041981578.33</v>
      </c>
      <c r="H40" s="6">
        <v>1429027835.02</v>
      </c>
      <c r="I40" s="6">
        <v>1285103914.95</v>
      </c>
      <c r="J40" s="6">
        <v>1198506137.3900001</v>
      </c>
      <c r="K40" s="6">
        <v>1193710392.8</v>
      </c>
      <c r="L40" s="6">
        <v>1255443362.8</v>
      </c>
      <c r="M40" s="6">
        <v>1218899401.7</v>
      </c>
      <c r="N40" s="6">
        <v>1292215559.9400001</v>
      </c>
      <c r="O40" s="6">
        <v>15166101059.58</v>
      </c>
      <c r="P40" s="6">
        <v>13220610000</v>
      </c>
    </row>
    <row r="41" spans="1:16" x14ac:dyDescent="0.25">
      <c r="A41" s="2" t="s">
        <v>75</v>
      </c>
      <c r="B41" s="4" t="s">
        <v>549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  <c r="J41" s="7">
        <v>0</v>
      </c>
      <c r="K41" s="7">
        <v>0</v>
      </c>
      <c r="L41" s="7">
        <v>0</v>
      </c>
      <c r="M41" s="7">
        <v>0</v>
      </c>
      <c r="N41" s="7">
        <v>1590454</v>
      </c>
      <c r="O41" s="7">
        <v>1590454</v>
      </c>
      <c r="P41" s="7">
        <v>0</v>
      </c>
    </row>
    <row r="42" spans="1:16" x14ac:dyDescent="0.25">
      <c r="A42" s="3" t="s">
        <v>77</v>
      </c>
      <c r="B42" s="5" t="s">
        <v>550</v>
      </c>
      <c r="C42" s="6">
        <v>1313255683.79</v>
      </c>
      <c r="D42" s="6">
        <v>1262707033.53</v>
      </c>
      <c r="E42" s="6">
        <v>1426664580.6099999</v>
      </c>
      <c r="F42" s="6">
        <v>1248585578.72</v>
      </c>
      <c r="G42" s="6">
        <v>1041981578.33</v>
      </c>
      <c r="H42" s="6">
        <v>1429027835.02</v>
      </c>
      <c r="I42" s="6">
        <v>1285103914.95</v>
      </c>
      <c r="J42" s="6">
        <v>1198506137.3900001</v>
      </c>
      <c r="K42" s="6">
        <v>1193710392.8</v>
      </c>
      <c r="L42" s="6">
        <v>1255443362.8</v>
      </c>
      <c r="M42" s="6">
        <v>1218899401.7</v>
      </c>
      <c r="N42" s="6">
        <v>1293806013.9400001</v>
      </c>
      <c r="O42" s="6">
        <v>15167691513.58</v>
      </c>
      <c r="P42" s="6">
        <v>13220610000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66"/>
  <sheetViews>
    <sheetView showGridLines="0" tabSelected="1" topLeftCell="A151" workbookViewId="0">
      <selection activeCell="F169" sqref="F169"/>
    </sheetView>
  </sheetViews>
  <sheetFormatPr defaultRowHeight="15" x14ac:dyDescent="0.25"/>
  <cols>
    <col min="1" max="1" width="2.7109375" bestFit="1" customWidth="1"/>
    <col min="2" max="2" width="55.28515625" bestFit="1" customWidth="1"/>
    <col min="3" max="4" width="19.140625" bestFit="1" customWidth="1"/>
    <col min="5" max="6" width="19" bestFit="1" customWidth="1"/>
    <col min="7" max="7" width="5.85546875" bestFit="1" customWidth="1"/>
  </cols>
  <sheetData>
    <row r="3" spans="1:7" x14ac:dyDescent="0.25">
      <c r="A3" s="11" t="s">
        <v>0</v>
      </c>
      <c r="B3" s="10"/>
      <c r="C3" s="10"/>
      <c r="D3" s="10"/>
      <c r="E3" s="10"/>
      <c r="F3" s="10"/>
      <c r="G3" s="10"/>
    </row>
    <row r="4" spans="1:7" x14ac:dyDescent="0.25">
      <c r="A4" s="11" t="s">
        <v>1</v>
      </c>
      <c r="B4" s="10"/>
      <c r="C4" s="10"/>
      <c r="D4" s="10"/>
      <c r="E4" s="10"/>
      <c r="F4" s="10"/>
      <c r="G4" s="10"/>
    </row>
    <row r="5" spans="1:7" x14ac:dyDescent="0.25">
      <c r="A5" s="12" t="s">
        <v>551</v>
      </c>
      <c r="B5" s="10"/>
      <c r="C5" s="10"/>
      <c r="D5" s="10"/>
      <c r="E5" s="10"/>
      <c r="F5" s="10"/>
      <c r="G5" s="10"/>
    </row>
    <row r="6" spans="1:7" x14ac:dyDescent="0.25">
      <c r="A6" s="11" t="s">
        <v>3</v>
      </c>
      <c r="B6" s="10"/>
      <c r="C6" s="10"/>
      <c r="D6" s="10"/>
      <c r="E6" s="10"/>
      <c r="F6" s="10"/>
      <c r="G6" s="10"/>
    </row>
    <row r="7" spans="1:7" x14ac:dyDescent="0.25">
      <c r="A7" s="11" t="s">
        <v>4</v>
      </c>
      <c r="B7" s="10"/>
      <c r="C7" s="10"/>
      <c r="D7" s="10"/>
      <c r="E7" s="10"/>
      <c r="F7" s="10"/>
      <c r="G7" s="10"/>
    </row>
    <row r="9" spans="1:7" x14ac:dyDescent="0.25">
      <c r="A9" s="9" t="s">
        <v>552</v>
      </c>
      <c r="B9" s="10"/>
      <c r="C9" s="10"/>
      <c r="D9" s="10"/>
      <c r="E9" s="10"/>
      <c r="F9" s="10"/>
      <c r="G9" s="10"/>
    </row>
    <row r="10" spans="1:7" x14ac:dyDescent="0.25">
      <c r="A10" s="8" t="s">
        <v>6</v>
      </c>
      <c r="B10" s="8" t="s">
        <v>553</v>
      </c>
      <c r="C10" s="8" t="s">
        <v>10</v>
      </c>
      <c r="D10" s="8" t="s">
        <v>554</v>
      </c>
    </row>
    <row r="11" spans="1:7" x14ac:dyDescent="0.25">
      <c r="A11" s="8" t="s">
        <v>7</v>
      </c>
      <c r="B11" s="8" t="s">
        <v>7</v>
      </c>
      <c r="C11" s="8" t="s">
        <v>7</v>
      </c>
      <c r="D11" s="8" t="s">
        <v>7</v>
      </c>
    </row>
    <row r="12" spans="1:7" x14ac:dyDescent="0.25">
      <c r="A12" s="3" t="s">
        <v>17</v>
      </c>
      <c r="B12" s="5" t="s">
        <v>555</v>
      </c>
      <c r="C12" s="6">
        <v>1851908700</v>
      </c>
      <c r="D12" s="6">
        <v>1300722093.8299999</v>
      </c>
    </row>
    <row r="13" spans="1:7" x14ac:dyDescent="0.25">
      <c r="A13" s="3" t="s">
        <v>19</v>
      </c>
      <c r="B13" s="5" t="s">
        <v>556</v>
      </c>
      <c r="C13" s="6">
        <v>653608100</v>
      </c>
      <c r="D13" s="6">
        <v>361525305.10000002</v>
      </c>
    </row>
    <row r="14" spans="1:7" x14ac:dyDescent="0.25">
      <c r="A14" s="2" t="s">
        <v>21</v>
      </c>
      <c r="B14" s="4" t="s">
        <v>557</v>
      </c>
      <c r="C14" s="7">
        <v>497789400</v>
      </c>
      <c r="D14" s="7">
        <v>179493137.24000001</v>
      </c>
    </row>
    <row r="15" spans="1:7" x14ac:dyDescent="0.25">
      <c r="A15" s="2" t="s">
        <v>23</v>
      </c>
      <c r="B15" s="4" t="s">
        <v>558</v>
      </c>
      <c r="C15" s="7">
        <v>131415100</v>
      </c>
      <c r="D15" s="7">
        <v>138228436.96000001</v>
      </c>
    </row>
    <row r="16" spans="1:7" x14ac:dyDescent="0.25">
      <c r="A16" s="2" t="s">
        <v>25</v>
      </c>
      <c r="B16" s="4" t="s">
        <v>559</v>
      </c>
      <c r="C16" s="7">
        <v>24403600</v>
      </c>
      <c r="D16" s="7">
        <v>43803730.899999999</v>
      </c>
    </row>
    <row r="17" spans="1:4" x14ac:dyDescent="0.25">
      <c r="A17" s="3" t="s">
        <v>27</v>
      </c>
      <c r="B17" s="5" t="s">
        <v>560</v>
      </c>
      <c r="C17" s="6">
        <v>744671600</v>
      </c>
      <c r="D17" s="6">
        <v>936599136.48000002</v>
      </c>
    </row>
    <row r="18" spans="1:4" x14ac:dyDescent="0.25">
      <c r="A18" s="2" t="s">
        <v>29</v>
      </c>
      <c r="B18" s="4" t="s">
        <v>557</v>
      </c>
      <c r="C18" s="7">
        <v>375244500</v>
      </c>
      <c r="D18" s="7">
        <v>675771151.07000005</v>
      </c>
    </row>
    <row r="19" spans="1:4" x14ac:dyDescent="0.25">
      <c r="A19" s="2" t="s">
        <v>31</v>
      </c>
      <c r="B19" s="4" t="s">
        <v>558</v>
      </c>
      <c r="C19" s="7">
        <v>320418500</v>
      </c>
      <c r="D19" s="7">
        <v>224955738.97</v>
      </c>
    </row>
    <row r="20" spans="1:4" x14ac:dyDescent="0.25">
      <c r="A20" s="2" t="s">
        <v>33</v>
      </c>
      <c r="B20" s="4" t="s">
        <v>559</v>
      </c>
      <c r="C20" s="7">
        <v>49008600</v>
      </c>
      <c r="D20" s="7">
        <v>35872246.439999998</v>
      </c>
    </row>
    <row r="21" spans="1:4" x14ac:dyDescent="0.25">
      <c r="A21" s="3" t="s">
        <v>35</v>
      </c>
      <c r="B21" s="5" t="s">
        <v>561</v>
      </c>
      <c r="C21" s="6">
        <v>9749300</v>
      </c>
      <c r="D21" s="6">
        <v>522128.08</v>
      </c>
    </row>
    <row r="22" spans="1:4" x14ac:dyDescent="0.25">
      <c r="A22" s="2" t="s">
        <v>37</v>
      </c>
      <c r="B22" s="4" t="s">
        <v>562</v>
      </c>
      <c r="C22" s="7">
        <v>0</v>
      </c>
      <c r="D22" s="7">
        <v>0</v>
      </c>
    </row>
    <row r="23" spans="1:4" x14ac:dyDescent="0.25">
      <c r="A23" s="2" t="s">
        <v>39</v>
      </c>
      <c r="B23" s="4" t="s">
        <v>563</v>
      </c>
      <c r="C23" s="7">
        <v>9749300</v>
      </c>
      <c r="D23" s="7">
        <v>522128.08</v>
      </c>
    </row>
    <row r="24" spans="1:4" x14ac:dyDescent="0.25">
      <c r="A24" s="2" t="s">
        <v>41</v>
      </c>
      <c r="B24" s="4" t="s">
        <v>564</v>
      </c>
      <c r="C24" s="7">
        <v>0</v>
      </c>
      <c r="D24" s="7">
        <v>0</v>
      </c>
    </row>
    <row r="25" spans="1:4" x14ac:dyDescent="0.25">
      <c r="A25" s="2" t="s">
        <v>43</v>
      </c>
      <c r="B25" s="4" t="s">
        <v>565</v>
      </c>
      <c r="C25" s="7">
        <v>0</v>
      </c>
      <c r="D25" s="7">
        <v>0</v>
      </c>
    </row>
    <row r="26" spans="1:4" x14ac:dyDescent="0.25">
      <c r="A26" s="3" t="s">
        <v>45</v>
      </c>
      <c r="B26" s="5" t="s">
        <v>566</v>
      </c>
      <c r="C26" s="6">
        <v>443879700</v>
      </c>
      <c r="D26" s="6">
        <v>2075524.17</v>
      </c>
    </row>
    <row r="27" spans="1:4" x14ac:dyDescent="0.25">
      <c r="A27" s="2" t="s">
        <v>47</v>
      </c>
      <c r="B27" s="4" t="s">
        <v>567</v>
      </c>
      <c r="C27" s="7">
        <v>0</v>
      </c>
      <c r="D27" s="7">
        <v>1331509.1000000001</v>
      </c>
    </row>
    <row r="28" spans="1:4" x14ac:dyDescent="0.25">
      <c r="A28" s="2" t="s">
        <v>49</v>
      </c>
      <c r="B28" s="4" t="s">
        <v>568</v>
      </c>
      <c r="C28" s="7">
        <v>443879700</v>
      </c>
      <c r="D28" s="7">
        <v>0</v>
      </c>
    </row>
    <row r="29" spans="1:4" x14ac:dyDescent="0.25">
      <c r="A29" s="2" t="s">
        <v>51</v>
      </c>
      <c r="B29" s="4" t="s">
        <v>569</v>
      </c>
      <c r="C29" s="7">
        <v>0</v>
      </c>
      <c r="D29" s="7">
        <v>744015.07</v>
      </c>
    </row>
    <row r="30" spans="1:4" x14ac:dyDescent="0.25">
      <c r="A30" s="3" t="s">
        <v>53</v>
      </c>
      <c r="B30" s="5" t="s">
        <v>570</v>
      </c>
      <c r="C30" s="6">
        <v>0</v>
      </c>
      <c r="D30" s="6">
        <v>0</v>
      </c>
    </row>
    <row r="31" spans="1:4" x14ac:dyDescent="0.25">
      <c r="A31" s="2" t="s">
        <v>55</v>
      </c>
      <c r="B31" s="4" t="s">
        <v>571</v>
      </c>
      <c r="C31" s="7">
        <v>0</v>
      </c>
      <c r="D31" s="7">
        <v>0</v>
      </c>
    </row>
    <row r="32" spans="1:4" x14ac:dyDescent="0.25">
      <c r="A32" s="2" t="s">
        <v>57</v>
      </c>
      <c r="B32" s="4" t="s">
        <v>572</v>
      </c>
      <c r="C32" s="7">
        <v>0</v>
      </c>
      <c r="D32" s="7">
        <v>0</v>
      </c>
    </row>
    <row r="33" spans="1:7" x14ac:dyDescent="0.25">
      <c r="A33" s="2" t="s">
        <v>59</v>
      </c>
      <c r="B33" s="4" t="s">
        <v>573</v>
      </c>
      <c r="C33" s="7">
        <v>0</v>
      </c>
      <c r="D33" s="7">
        <v>0</v>
      </c>
    </row>
    <row r="34" spans="1:7" x14ac:dyDescent="0.25">
      <c r="A34" s="2" t="s">
        <v>61</v>
      </c>
      <c r="B34" s="4" t="s">
        <v>574</v>
      </c>
      <c r="C34" s="7">
        <v>1408029000</v>
      </c>
      <c r="D34" s="7">
        <v>1300722093.8299999</v>
      </c>
    </row>
    <row r="36" spans="1:7" x14ac:dyDescent="0.25">
      <c r="A36" s="8" t="s">
        <v>6</v>
      </c>
      <c r="B36" s="8" t="s">
        <v>575</v>
      </c>
      <c r="C36" s="8" t="s">
        <v>576</v>
      </c>
      <c r="D36" s="8" t="s">
        <v>577</v>
      </c>
      <c r="E36" s="8" t="s">
        <v>578</v>
      </c>
      <c r="F36" s="8" t="s">
        <v>579</v>
      </c>
      <c r="G36" s="8" t="s">
        <v>580</v>
      </c>
    </row>
    <row r="37" spans="1:7" x14ac:dyDescent="0.25">
      <c r="A37" s="8" t="s">
        <v>7</v>
      </c>
      <c r="B37" s="8" t="s">
        <v>7</v>
      </c>
      <c r="C37" s="8" t="s">
        <v>7</v>
      </c>
      <c r="D37" s="8" t="s">
        <v>7</v>
      </c>
      <c r="E37" s="8" t="s">
        <v>7</v>
      </c>
      <c r="F37" s="8" t="s">
        <v>7</v>
      </c>
      <c r="G37" s="8" t="s">
        <v>7</v>
      </c>
    </row>
    <row r="38" spans="1:7" x14ac:dyDescent="0.25">
      <c r="A38" s="3" t="s">
        <v>63</v>
      </c>
      <c r="B38" s="5" t="s">
        <v>581</v>
      </c>
      <c r="C38" s="6">
        <v>2109763800</v>
      </c>
      <c r="D38" s="6">
        <v>1517692861.8299999</v>
      </c>
      <c r="E38" s="6">
        <v>1395935862.8</v>
      </c>
      <c r="F38" s="6">
        <v>1286372562.1600001</v>
      </c>
      <c r="G38" s="6">
        <v>0</v>
      </c>
    </row>
    <row r="39" spans="1:7" x14ac:dyDescent="0.25">
      <c r="A39" s="2" t="s">
        <v>65</v>
      </c>
      <c r="B39" s="4" t="s">
        <v>582</v>
      </c>
      <c r="C39" s="7">
        <v>1792860500</v>
      </c>
      <c r="D39" s="7">
        <v>1297729611.98</v>
      </c>
      <c r="E39" s="7">
        <v>1184957530.9200001</v>
      </c>
      <c r="F39" s="7">
        <v>1091378997.5799999</v>
      </c>
      <c r="G39" s="7">
        <v>0</v>
      </c>
    </row>
    <row r="40" spans="1:7" x14ac:dyDescent="0.25">
      <c r="A40" s="2" t="s">
        <v>67</v>
      </c>
      <c r="B40" s="4" t="s">
        <v>583</v>
      </c>
      <c r="C40" s="7">
        <v>316903300</v>
      </c>
      <c r="D40" s="7">
        <v>219963249.84999999</v>
      </c>
      <c r="E40" s="7">
        <v>210978331.88</v>
      </c>
      <c r="F40" s="7">
        <v>194993564.58000001</v>
      </c>
      <c r="G40" s="7">
        <v>0</v>
      </c>
    </row>
    <row r="41" spans="1:7" x14ac:dyDescent="0.25">
      <c r="A41" s="3" t="s">
        <v>69</v>
      </c>
      <c r="B41" s="5" t="s">
        <v>584</v>
      </c>
      <c r="C41" s="6">
        <v>11715006</v>
      </c>
      <c r="D41" s="6">
        <v>3286081.52</v>
      </c>
      <c r="E41" s="6">
        <v>3281125.17</v>
      </c>
      <c r="F41" s="6">
        <v>318856.40000000002</v>
      </c>
      <c r="G41" s="6">
        <v>0</v>
      </c>
    </row>
    <row r="42" spans="1:7" x14ac:dyDescent="0.25">
      <c r="A42" s="2" t="s">
        <v>71</v>
      </c>
      <c r="B42" s="4" t="s">
        <v>567</v>
      </c>
      <c r="C42" s="7">
        <v>5990000</v>
      </c>
      <c r="D42" s="7">
        <v>3018155.53</v>
      </c>
      <c r="E42" s="7">
        <v>3018155.53</v>
      </c>
      <c r="F42" s="7">
        <v>55886.76</v>
      </c>
      <c r="G42" s="7">
        <v>0</v>
      </c>
    </row>
    <row r="43" spans="1:7" x14ac:dyDescent="0.25">
      <c r="A43" s="2" t="s">
        <v>73</v>
      </c>
      <c r="B43" s="4" t="s">
        <v>585</v>
      </c>
      <c r="C43" s="7">
        <v>5725006</v>
      </c>
      <c r="D43" s="7">
        <v>267925.99</v>
      </c>
      <c r="E43" s="7">
        <v>262969.64</v>
      </c>
      <c r="F43" s="7">
        <v>262969.64</v>
      </c>
      <c r="G43" s="7">
        <v>0</v>
      </c>
    </row>
    <row r="44" spans="1:7" x14ac:dyDescent="0.25">
      <c r="A44" s="3" t="s">
        <v>75</v>
      </c>
      <c r="B44" s="5" t="s">
        <v>586</v>
      </c>
      <c r="C44" s="6">
        <v>2121478806</v>
      </c>
      <c r="D44" s="6">
        <v>1520978943.3499999</v>
      </c>
      <c r="E44" s="6">
        <v>1399216987.97</v>
      </c>
      <c r="F44" s="6">
        <v>1286691418.5599999</v>
      </c>
      <c r="G44" s="6">
        <v>0</v>
      </c>
    </row>
    <row r="46" spans="1:7" x14ac:dyDescent="0.25">
      <c r="A46" s="8" t="s">
        <v>6</v>
      </c>
      <c r="B46" s="8" t="s">
        <v>587</v>
      </c>
      <c r="C46" s="8" t="s">
        <v>576</v>
      </c>
      <c r="D46" s="8" t="s">
        <v>577</v>
      </c>
      <c r="E46" s="8" t="s">
        <v>578</v>
      </c>
      <c r="F46" s="8" t="s">
        <v>579</v>
      </c>
      <c r="G46" s="8" t="s">
        <v>580</v>
      </c>
    </row>
    <row r="47" spans="1:7" x14ac:dyDescent="0.25">
      <c r="A47" s="8" t="s">
        <v>7</v>
      </c>
      <c r="B47" s="8" t="s">
        <v>7</v>
      </c>
      <c r="C47" s="8" t="s">
        <v>7</v>
      </c>
      <c r="D47" s="8" t="s">
        <v>7</v>
      </c>
      <c r="E47" s="8" t="s">
        <v>7</v>
      </c>
      <c r="F47" s="8" t="s">
        <v>7</v>
      </c>
      <c r="G47" s="8" t="s">
        <v>7</v>
      </c>
    </row>
    <row r="48" spans="1:7" x14ac:dyDescent="0.25">
      <c r="A48" s="2" t="s">
        <v>77</v>
      </c>
      <c r="B48" s="4" t="s">
        <v>588</v>
      </c>
      <c r="C48" s="7">
        <v>-713449806</v>
      </c>
      <c r="D48" s="7">
        <v>-220256849.52000001</v>
      </c>
      <c r="E48" s="7">
        <v>-98494894.140000001</v>
      </c>
      <c r="F48" s="7">
        <v>14030675.27</v>
      </c>
      <c r="G48" s="7">
        <v>0</v>
      </c>
    </row>
    <row r="50" spans="1:3" x14ac:dyDescent="0.25">
      <c r="A50" s="8" t="s">
        <v>6</v>
      </c>
      <c r="B50" s="8" t="s">
        <v>589</v>
      </c>
      <c r="C50" s="8" t="s">
        <v>590</v>
      </c>
    </row>
    <row r="51" spans="1:3" x14ac:dyDescent="0.25">
      <c r="A51" s="8" t="s">
        <v>7</v>
      </c>
      <c r="B51" s="8" t="s">
        <v>7</v>
      </c>
      <c r="C51" s="8" t="s">
        <v>7</v>
      </c>
    </row>
    <row r="52" spans="1:3" x14ac:dyDescent="0.25">
      <c r="A52" s="2" t="s">
        <v>79</v>
      </c>
      <c r="B52" s="4" t="s">
        <v>591</v>
      </c>
      <c r="C52" s="7">
        <v>0</v>
      </c>
    </row>
    <row r="54" spans="1:3" x14ac:dyDescent="0.25">
      <c r="A54" s="8" t="s">
        <v>6</v>
      </c>
      <c r="B54" s="8" t="s">
        <v>592</v>
      </c>
      <c r="C54" s="8" t="s">
        <v>590</v>
      </c>
    </row>
    <row r="55" spans="1:3" x14ac:dyDescent="0.25">
      <c r="A55" s="8" t="s">
        <v>7</v>
      </c>
      <c r="B55" s="8" t="s">
        <v>7</v>
      </c>
      <c r="C55" s="8" t="s">
        <v>7</v>
      </c>
    </row>
    <row r="56" spans="1:3" x14ac:dyDescent="0.25">
      <c r="A56" s="2" t="s">
        <v>81</v>
      </c>
      <c r="B56" s="4" t="s">
        <v>591</v>
      </c>
      <c r="C56" s="7">
        <v>134138000</v>
      </c>
    </row>
    <row r="58" spans="1:3" x14ac:dyDescent="0.25">
      <c r="A58" s="8" t="s">
        <v>6</v>
      </c>
      <c r="B58" s="8" t="s">
        <v>593</v>
      </c>
      <c r="C58" s="8" t="s">
        <v>594</v>
      </c>
    </row>
    <row r="59" spans="1:3" x14ac:dyDescent="0.25">
      <c r="A59" s="8" t="s">
        <v>7</v>
      </c>
      <c r="B59" s="8" t="s">
        <v>7</v>
      </c>
      <c r="C59" s="8" t="s">
        <v>7</v>
      </c>
    </row>
    <row r="60" spans="1:3" x14ac:dyDescent="0.25">
      <c r="A60" s="2" t="s">
        <v>83</v>
      </c>
      <c r="B60" s="4" t="s">
        <v>595</v>
      </c>
      <c r="C60" s="7">
        <v>0</v>
      </c>
    </row>
    <row r="61" spans="1:3" x14ac:dyDescent="0.25">
      <c r="A61" s="2" t="s">
        <v>85</v>
      </c>
      <c r="B61" s="4" t="s">
        <v>596</v>
      </c>
      <c r="C61" s="7">
        <v>0</v>
      </c>
    </row>
    <row r="62" spans="1:3" x14ac:dyDescent="0.25">
      <c r="A62" s="2" t="s">
        <v>87</v>
      </c>
      <c r="B62" s="4" t="s">
        <v>597</v>
      </c>
      <c r="C62" s="7">
        <v>60663370.810000002</v>
      </c>
    </row>
    <row r="63" spans="1:3" x14ac:dyDescent="0.25">
      <c r="A63" s="2" t="s">
        <v>89</v>
      </c>
      <c r="B63" s="4" t="s">
        <v>598</v>
      </c>
      <c r="C63" s="7">
        <v>171332679.93000001</v>
      </c>
    </row>
    <row r="65" spans="1:4" x14ac:dyDescent="0.25">
      <c r="A65" s="8" t="s">
        <v>6</v>
      </c>
      <c r="B65" s="8" t="s">
        <v>599</v>
      </c>
      <c r="C65" s="8" t="s">
        <v>600</v>
      </c>
    </row>
    <row r="66" spans="1:4" x14ac:dyDescent="0.25">
      <c r="A66" s="8" t="s">
        <v>7</v>
      </c>
      <c r="B66" s="8" t="s">
        <v>7</v>
      </c>
      <c r="C66" s="8" t="s">
        <v>7</v>
      </c>
    </row>
    <row r="67" spans="1:4" x14ac:dyDescent="0.25">
      <c r="A67" s="2" t="s">
        <v>91</v>
      </c>
      <c r="B67" s="4" t="s">
        <v>601</v>
      </c>
      <c r="C67" s="7">
        <v>255534.56</v>
      </c>
    </row>
    <row r="68" spans="1:4" x14ac:dyDescent="0.25">
      <c r="A68" s="2" t="s">
        <v>93</v>
      </c>
      <c r="B68" s="4" t="s">
        <v>602</v>
      </c>
      <c r="C68" s="7">
        <v>68986655.379999995</v>
      </c>
    </row>
    <row r="69" spans="1:4" x14ac:dyDescent="0.25">
      <c r="A69" s="2" t="s">
        <v>95</v>
      </c>
      <c r="B69" s="4" t="s">
        <v>603</v>
      </c>
      <c r="C69" s="7">
        <v>0</v>
      </c>
    </row>
    <row r="71" spans="1:4" x14ac:dyDescent="0.25">
      <c r="A71" s="8" t="s">
        <v>6</v>
      </c>
      <c r="B71" s="8" t="s">
        <v>604</v>
      </c>
      <c r="C71" s="8" t="s">
        <v>10</v>
      </c>
      <c r="D71" s="8" t="s">
        <v>554</v>
      </c>
    </row>
    <row r="72" spans="1:4" x14ac:dyDescent="0.25">
      <c r="A72" s="8" t="s">
        <v>7</v>
      </c>
      <c r="B72" s="8" t="s">
        <v>7</v>
      </c>
      <c r="C72" s="8" t="s">
        <v>7</v>
      </c>
      <c r="D72" s="8" t="s">
        <v>7</v>
      </c>
    </row>
    <row r="73" spans="1:4" x14ac:dyDescent="0.25">
      <c r="A73" s="3" t="s">
        <v>97</v>
      </c>
      <c r="B73" s="5" t="s">
        <v>605</v>
      </c>
      <c r="C73" s="6">
        <v>0</v>
      </c>
      <c r="D73" s="6">
        <v>0</v>
      </c>
    </row>
    <row r="74" spans="1:4" x14ac:dyDescent="0.25">
      <c r="A74" s="3" t="s">
        <v>99</v>
      </c>
      <c r="B74" s="5" t="s">
        <v>606</v>
      </c>
      <c r="C74" s="6">
        <v>0</v>
      </c>
      <c r="D74" s="6">
        <v>0</v>
      </c>
    </row>
    <row r="75" spans="1:4" x14ac:dyDescent="0.25">
      <c r="A75" s="2" t="s">
        <v>101</v>
      </c>
      <c r="B75" s="4" t="s">
        <v>607</v>
      </c>
      <c r="C75" s="7">
        <v>0</v>
      </c>
      <c r="D75" s="7">
        <v>0</v>
      </c>
    </row>
    <row r="76" spans="1:4" x14ac:dyDescent="0.25">
      <c r="A76" s="2" t="s">
        <v>103</v>
      </c>
      <c r="B76" s="4" t="s">
        <v>608</v>
      </c>
      <c r="C76" s="7">
        <v>0</v>
      </c>
      <c r="D76" s="7">
        <v>0</v>
      </c>
    </row>
    <row r="77" spans="1:4" x14ac:dyDescent="0.25">
      <c r="A77" s="2" t="s">
        <v>105</v>
      </c>
      <c r="B77" s="4" t="s">
        <v>609</v>
      </c>
      <c r="C77" s="7">
        <v>0</v>
      </c>
      <c r="D77" s="7">
        <v>0</v>
      </c>
    </row>
    <row r="78" spans="1:4" x14ac:dyDescent="0.25">
      <c r="A78" s="3" t="s">
        <v>107</v>
      </c>
      <c r="B78" s="5" t="s">
        <v>610</v>
      </c>
      <c r="C78" s="6">
        <v>0</v>
      </c>
      <c r="D78" s="6">
        <v>0</v>
      </c>
    </row>
    <row r="79" spans="1:4" x14ac:dyDescent="0.25">
      <c r="A79" s="2" t="s">
        <v>109</v>
      </c>
      <c r="B79" s="4" t="s">
        <v>607</v>
      </c>
      <c r="C79" s="7">
        <v>0</v>
      </c>
      <c r="D79" s="7">
        <v>0</v>
      </c>
    </row>
    <row r="80" spans="1:4" x14ac:dyDescent="0.25">
      <c r="A80" s="2" t="s">
        <v>111</v>
      </c>
      <c r="B80" s="4" t="s">
        <v>608</v>
      </c>
      <c r="C80" s="7">
        <v>0</v>
      </c>
      <c r="D80" s="7">
        <v>0</v>
      </c>
    </row>
    <row r="81" spans="1:7" x14ac:dyDescent="0.25">
      <c r="A81" s="2" t="s">
        <v>113</v>
      </c>
      <c r="B81" s="4" t="s">
        <v>609</v>
      </c>
      <c r="C81" s="7">
        <v>0</v>
      </c>
      <c r="D81" s="7">
        <v>0</v>
      </c>
    </row>
    <row r="82" spans="1:7" x14ac:dyDescent="0.25">
      <c r="A82" s="3" t="s">
        <v>115</v>
      </c>
      <c r="B82" s="5" t="s">
        <v>611</v>
      </c>
      <c r="C82" s="6">
        <v>0</v>
      </c>
      <c r="D82" s="6">
        <v>0</v>
      </c>
    </row>
    <row r="83" spans="1:7" x14ac:dyDescent="0.25">
      <c r="A83" s="2" t="s">
        <v>117</v>
      </c>
      <c r="B83" s="4" t="s">
        <v>612</v>
      </c>
      <c r="C83" s="7">
        <v>0</v>
      </c>
      <c r="D83" s="7">
        <v>0</v>
      </c>
    </row>
    <row r="84" spans="1:7" x14ac:dyDescent="0.25">
      <c r="A84" s="2" t="s">
        <v>119</v>
      </c>
      <c r="B84" s="4" t="s">
        <v>613</v>
      </c>
      <c r="C84" s="7">
        <v>0</v>
      </c>
      <c r="D84" s="7">
        <v>0</v>
      </c>
    </row>
    <row r="85" spans="1:7" x14ac:dyDescent="0.25">
      <c r="A85" s="2" t="s">
        <v>120</v>
      </c>
      <c r="B85" s="4" t="s">
        <v>614</v>
      </c>
      <c r="C85" s="7">
        <v>0</v>
      </c>
      <c r="D85" s="7">
        <v>0</v>
      </c>
    </row>
    <row r="86" spans="1:7" x14ac:dyDescent="0.25">
      <c r="A86" s="2" t="s">
        <v>121</v>
      </c>
      <c r="B86" s="4" t="s">
        <v>615</v>
      </c>
      <c r="C86" s="7">
        <v>0</v>
      </c>
      <c r="D86" s="7">
        <v>0</v>
      </c>
    </row>
    <row r="87" spans="1:7" x14ac:dyDescent="0.25">
      <c r="A87" s="3" t="s">
        <v>122</v>
      </c>
      <c r="B87" s="5" t="s">
        <v>616</v>
      </c>
      <c r="C87" s="6">
        <v>0</v>
      </c>
      <c r="D87" s="6">
        <v>0</v>
      </c>
    </row>
    <row r="88" spans="1:7" x14ac:dyDescent="0.25">
      <c r="A88" s="2" t="s">
        <v>123</v>
      </c>
      <c r="B88" s="4" t="s">
        <v>617</v>
      </c>
      <c r="C88" s="7">
        <v>0</v>
      </c>
      <c r="D88" s="7">
        <v>0</v>
      </c>
    </row>
    <row r="89" spans="1:7" x14ac:dyDescent="0.25">
      <c r="A89" s="2" t="s">
        <v>124</v>
      </c>
      <c r="B89" s="4" t="s">
        <v>306</v>
      </c>
      <c r="C89" s="7">
        <v>0</v>
      </c>
      <c r="D89" s="7">
        <v>0</v>
      </c>
    </row>
    <row r="90" spans="1:7" x14ac:dyDescent="0.25">
      <c r="A90" s="3" t="s">
        <v>125</v>
      </c>
      <c r="B90" s="5" t="s">
        <v>618</v>
      </c>
      <c r="C90" s="6">
        <v>0</v>
      </c>
      <c r="D90" s="6">
        <v>0</v>
      </c>
    </row>
    <row r="91" spans="1:7" x14ac:dyDescent="0.25">
      <c r="A91" s="2" t="s">
        <v>126</v>
      </c>
      <c r="B91" s="4" t="s">
        <v>619</v>
      </c>
      <c r="C91" s="7">
        <v>0</v>
      </c>
      <c r="D91" s="7">
        <v>0</v>
      </c>
    </row>
    <row r="92" spans="1:7" x14ac:dyDescent="0.25">
      <c r="A92" s="2" t="s">
        <v>127</v>
      </c>
      <c r="B92" s="4" t="s">
        <v>620</v>
      </c>
      <c r="C92" s="7">
        <v>0</v>
      </c>
      <c r="D92" s="7">
        <v>0</v>
      </c>
    </row>
    <row r="93" spans="1:7" x14ac:dyDescent="0.25">
      <c r="A93" s="2" t="s">
        <v>129</v>
      </c>
      <c r="B93" s="4" t="s">
        <v>621</v>
      </c>
      <c r="C93" s="7">
        <v>0</v>
      </c>
      <c r="D93" s="7">
        <v>0</v>
      </c>
    </row>
    <row r="94" spans="1:7" x14ac:dyDescent="0.25">
      <c r="A94" s="3" t="s">
        <v>131</v>
      </c>
      <c r="B94" s="5" t="s">
        <v>622</v>
      </c>
      <c r="C94" s="6">
        <v>0</v>
      </c>
      <c r="D94" s="6">
        <v>0</v>
      </c>
    </row>
    <row r="96" spans="1:7" x14ac:dyDescent="0.25">
      <c r="A96" s="8" t="s">
        <v>6</v>
      </c>
      <c r="B96" s="8" t="s">
        <v>623</v>
      </c>
      <c r="C96" s="8" t="s">
        <v>576</v>
      </c>
      <c r="D96" s="8" t="s">
        <v>577</v>
      </c>
      <c r="E96" s="8" t="s">
        <v>578</v>
      </c>
      <c r="F96" s="8" t="s">
        <v>579</v>
      </c>
      <c r="G96" s="8" t="s">
        <v>580</v>
      </c>
    </row>
    <row r="97" spans="1:7" x14ac:dyDescent="0.25">
      <c r="A97" s="8" t="s">
        <v>7</v>
      </c>
      <c r="B97" s="8" t="s">
        <v>7</v>
      </c>
      <c r="C97" s="8" t="s">
        <v>7</v>
      </c>
      <c r="D97" s="8" t="s">
        <v>7</v>
      </c>
      <c r="E97" s="8" t="s">
        <v>7</v>
      </c>
      <c r="F97" s="8" t="s">
        <v>7</v>
      </c>
      <c r="G97" s="8" t="s">
        <v>7</v>
      </c>
    </row>
    <row r="98" spans="1:7" x14ac:dyDescent="0.25">
      <c r="A98" s="3" t="s">
        <v>133</v>
      </c>
      <c r="B98" s="5" t="s">
        <v>581</v>
      </c>
      <c r="C98" s="6">
        <v>0</v>
      </c>
      <c r="D98" s="6">
        <v>0</v>
      </c>
      <c r="E98" s="6">
        <v>0</v>
      </c>
      <c r="F98" s="6">
        <v>0</v>
      </c>
      <c r="G98" s="6">
        <v>0</v>
      </c>
    </row>
    <row r="99" spans="1:7" x14ac:dyDescent="0.25">
      <c r="A99" s="2" t="s">
        <v>135</v>
      </c>
      <c r="B99" s="4" t="s">
        <v>624</v>
      </c>
      <c r="C99" s="7">
        <v>0</v>
      </c>
      <c r="D99" s="7">
        <v>0</v>
      </c>
      <c r="E99" s="7">
        <v>0</v>
      </c>
      <c r="F99" s="7">
        <v>0</v>
      </c>
      <c r="G99" s="7">
        <v>0</v>
      </c>
    </row>
    <row r="100" spans="1:7" x14ac:dyDescent="0.25">
      <c r="A100" s="2" t="s">
        <v>137</v>
      </c>
      <c r="B100" s="4" t="s">
        <v>583</v>
      </c>
      <c r="C100" s="7">
        <v>0</v>
      </c>
      <c r="D100" s="7">
        <v>0</v>
      </c>
      <c r="E100" s="7">
        <v>0</v>
      </c>
      <c r="F100" s="7">
        <v>0</v>
      </c>
      <c r="G100" s="7">
        <v>0</v>
      </c>
    </row>
    <row r="101" spans="1:7" x14ac:dyDescent="0.25">
      <c r="A101" s="3" t="s">
        <v>139</v>
      </c>
      <c r="B101" s="5" t="s">
        <v>584</v>
      </c>
      <c r="C101" s="6">
        <v>0</v>
      </c>
      <c r="D101" s="6">
        <v>0</v>
      </c>
      <c r="E101" s="6">
        <v>0</v>
      </c>
      <c r="F101" s="6">
        <v>0</v>
      </c>
      <c r="G101" s="6">
        <v>0</v>
      </c>
    </row>
    <row r="102" spans="1:7" x14ac:dyDescent="0.25">
      <c r="A102" s="2" t="s">
        <v>141</v>
      </c>
      <c r="B102" s="4" t="s">
        <v>625</v>
      </c>
      <c r="C102" s="7">
        <v>0</v>
      </c>
      <c r="D102" s="7">
        <v>0</v>
      </c>
      <c r="E102" s="7">
        <v>0</v>
      </c>
      <c r="F102" s="7">
        <v>0</v>
      </c>
      <c r="G102" s="7">
        <v>0</v>
      </c>
    </row>
    <row r="103" spans="1:7" x14ac:dyDescent="0.25">
      <c r="A103" s="2" t="s">
        <v>143</v>
      </c>
      <c r="B103" s="4" t="s">
        <v>585</v>
      </c>
      <c r="C103" s="7">
        <v>0</v>
      </c>
      <c r="D103" s="7">
        <v>0</v>
      </c>
      <c r="E103" s="7">
        <v>0</v>
      </c>
      <c r="F103" s="7">
        <v>0</v>
      </c>
      <c r="G103" s="7">
        <v>0</v>
      </c>
    </row>
    <row r="104" spans="1:7" x14ac:dyDescent="0.25">
      <c r="A104" s="3" t="s">
        <v>145</v>
      </c>
      <c r="B104" s="5" t="s">
        <v>626</v>
      </c>
      <c r="C104" s="6">
        <v>0</v>
      </c>
      <c r="D104" s="6">
        <v>0</v>
      </c>
      <c r="E104" s="6">
        <v>0</v>
      </c>
      <c r="F104" s="6">
        <v>0</v>
      </c>
      <c r="G104" s="6">
        <v>0</v>
      </c>
    </row>
    <row r="106" spans="1:7" x14ac:dyDescent="0.25">
      <c r="A106" s="8" t="s">
        <v>6</v>
      </c>
      <c r="B106" s="8" t="s">
        <v>627</v>
      </c>
      <c r="C106" s="8" t="s">
        <v>576</v>
      </c>
      <c r="D106" s="8" t="s">
        <v>577</v>
      </c>
      <c r="E106" s="8" t="s">
        <v>578</v>
      </c>
      <c r="F106" s="8" t="s">
        <v>579</v>
      </c>
      <c r="G106" s="8" t="s">
        <v>580</v>
      </c>
    </row>
    <row r="107" spans="1:7" x14ac:dyDescent="0.25">
      <c r="A107" s="8" t="s">
        <v>7</v>
      </c>
      <c r="B107" s="8" t="s">
        <v>7</v>
      </c>
      <c r="C107" s="8" t="s">
        <v>7</v>
      </c>
      <c r="D107" s="8" t="s">
        <v>7</v>
      </c>
      <c r="E107" s="8" t="s">
        <v>7</v>
      </c>
      <c r="F107" s="8" t="s">
        <v>7</v>
      </c>
      <c r="G107" s="8" t="s">
        <v>7</v>
      </c>
    </row>
    <row r="108" spans="1:7" x14ac:dyDescent="0.25">
      <c r="A108" s="2" t="s">
        <v>147</v>
      </c>
      <c r="B108" s="4" t="s">
        <v>628</v>
      </c>
      <c r="C108" s="7">
        <v>0</v>
      </c>
      <c r="D108" s="7">
        <v>0</v>
      </c>
      <c r="E108" s="7">
        <v>0</v>
      </c>
      <c r="F108" s="7">
        <v>0</v>
      </c>
      <c r="G108" s="7">
        <v>0</v>
      </c>
    </row>
    <row r="110" spans="1:7" x14ac:dyDescent="0.25">
      <c r="A110" s="8" t="s">
        <v>6</v>
      </c>
      <c r="B110" s="8" t="s">
        <v>629</v>
      </c>
      <c r="C110" s="8" t="s">
        <v>594</v>
      </c>
    </row>
    <row r="111" spans="1:7" x14ac:dyDescent="0.25">
      <c r="A111" s="8" t="s">
        <v>7</v>
      </c>
      <c r="B111" s="8" t="s">
        <v>7</v>
      </c>
      <c r="C111" s="8" t="s">
        <v>7</v>
      </c>
    </row>
    <row r="112" spans="1:7" x14ac:dyDescent="0.25">
      <c r="A112" s="2" t="s">
        <v>149</v>
      </c>
      <c r="B112" s="4" t="s">
        <v>630</v>
      </c>
      <c r="C112" s="7">
        <v>0</v>
      </c>
    </row>
    <row r="113" spans="1:7" x14ac:dyDescent="0.25">
      <c r="A113" s="2" t="s">
        <v>151</v>
      </c>
      <c r="B113" s="4" t="s">
        <v>631</v>
      </c>
      <c r="C113" s="7">
        <v>0</v>
      </c>
    </row>
    <row r="115" spans="1:7" x14ac:dyDescent="0.25">
      <c r="A115" s="8" t="s">
        <v>6</v>
      </c>
      <c r="B115" s="8" t="s">
        <v>632</v>
      </c>
      <c r="C115" s="8" t="s">
        <v>10</v>
      </c>
      <c r="D115" s="8" t="s">
        <v>554</v>
      </c>
    </row>
    <row r="116" spans="1:7" x14ac:dyDescent="0.25">
      <c r="A116" s="8" t="s">
        <v>7</v>
      </c>
      <c r="B116" s="8" t="s">
        <v>7</v>
      </c>
      <c r="C116" s="8" t="s">
        <v>7</v>
      </c>
      <c r="D116" s="8" t="s">
        <v>7</v>
      </c>
    </row>
    <row r="117" spans="1:7" x14ac:dyDescent="0.25">
      <c r="A117" s="2" t="s">
        <v>152</v>
      </c>
      <c r="B117" s="4" t="s">
        <v>633</v>
      </c>
      <c r="C117" s="7">
        <v>8000000</v>
      </c>
      <c r="D117" s="7">
        <v>0</v>
      </c>
    </row>
    <row r="118" spans="1:7" x14ac:dyDescent="0.25">
      <c r="A118" s="3" t="s">
        <v>153</v>
      </c>
      <c r="B118" s="5" t="s">
        <v>634</v>
      </c>
      <c r="C118" s="6">
        <v>8000000</v>
      </c>
      <c r="D118" s="6">
        <v>0</v>
      </c>
    </row>
    <row r="120" spans="1:7" x14ac:dyDescent="0.25">
      <c r="A120" s="8" t="s">
        <v>6</v>
      </c>
      <c r="B120" s="8" t="s">
        <v>635</v>
      </c>
      <c r="C120" s="8" t="s">
        <v>576</v>
      </c>
      <c r="D120" s="8" t="s">
        <v>577</v>
      </c>
      <c r="E120" s="8" t="s">
        <v>578</v>
      </c>
      <c r="F120" s="8" t="s">
        <v>579</v>
      </c>
      <c r="G120" s="8" t="s">
        <v>580</v>
      </c>
    </row>
    <row r="121" spans="1:7" x14ac:dyDescent="0.25">
      <c r="A121" s="8" t="s">
        <v>7</v>
      </c>
      <c r="B121" s="8" t="s">
        <v>7</v>
      </c>
      <c r="C121" s="8" t="s">
        <v>7</v>
      </c>
      <c r="D121" s="8" t="s">
        <v>7</v>
      </c>
      <c r="E121" s="8" t="s">
        <v>7</v>
      </c>
      <c r="F121" s="8" t="s">
        <v>7</v>
      </c>
      <c r="G121" s="8" t="s">
        <v>7</v>
      </c>
    </row>
    <row r="122" spans="1:7" x14ac:dyDescent="0.25">
      <c r="A122" s="3" t="s">
        <v>155</v>
      </c>
      <c r="B122" s="5" t="s">
        <v>636</v>
      </c>
      <c r="C122" s="6">
        <v>24906395.940000001</v>
      </c>
      <c r="D122" s="6">
        <v>6699490.0199999996</v>
      </c>
      <c r="E122" s="6">
        <v>6311057.8499999996</v>
      </c>
      <c r="F122" s="6">
        <v>5667261.7199999997</v>
      </c>
      <c r="G122" s="6">
        <v>0</v>
      </c>
    </row>
    <row r="123" spans="1:7" x14ac:dyDescent="0.25">
      <c r="A123" s="2" t="s">
        <v>157</v>
      </c>
      <c r="B123" s="4" t="s">
        <v>637</v>
      </c>
      <c r="C123" s="7">
        <v>7022260</v>
      </c>
      <c r="D123" s="7">
        <v>1761870.74</v>
      </c>
      <c r="E123" s="7">
        <v>1539470.53</v>
      </c>
      <c r="F123" s="7">
        <v>1386130.29</v>
      </c>
      <c r="G123" s="7">
        <v>0</v>
      </c>
    </row>
    <row r="124" spans="1:7" x14ac:dyDescent="0.25">
      <c r="A124" s="2" t="s">
        <v>159</v>
      </c>
      <c r="B124" s="4" t="s">
        <v>638</v>
      </c>
      <c r="C124" s="7">
        <v>17884135.940000001</v>
      </c>
      <c r="D124" s="7">
        <v>4937619.28</v>
      </c>
      <c r="E124" s="7">
        <v>4771587.32</v>
      </c>
      <c r="F124" s="7">
        <v>4281131.43</v>
      </c>
      <c r="G124" s="7">
        <v>0</v>
      </c>
    </row>
    <row r="125" spans="1:7" x14ac:dyDescent="0.25">
      <c r="A125" s="2" t="s">
        <v>161</v>
      </c>
      <c r="B125" s="4" t="s">
        <v>639</v>
      </c>
      <c r="C125" s="7">
        <v>104820</v>
      </c>
      <c r="D125" s="7">
        <v>770</v>
      </c>
      <c r="E125" s="7">
        <v>770</v>
      </c>
      <c r="F125" s="7">
        <v>770</v>
      </c>
      <c r="G125" s="7">
        <v>0</v>
      </c>
    </row>
    <row r="126" spans="1:7" x14ac:dyDescent="0.25">
      <c r="A126" s="3" t="s">
        <v>163</v>
      </c>
      <c r="B126" s="5" t="s">
        <v>640</v>
      </c>
      <c r="C126" s="6">
        <v>25011215.940000001</v>
      </c>
      <c r="D126" s="6">
        <v>6700260.0199999996</v>
      </c>
      <c r="E126" s="6">
        <v>6311827.8499999996</v>
      </c>
      <c r="F126" s="6">
        <v>5668031.7199999997</v>
      </c>
      <c r="G126" s="6">
        <v>0</v>
      </c>
    </row>
    <row r="128" spans="1:7" x14ac:dyDescent="0.25">
      <c r="A128" s="8" t="s">
        <v>6</v>
      </c>
      <c r="B128" s="8" t="s">
        <v>641</v>
      </c>
      <c r="C128" s="8" t="s">
        <v>576</v>
      </c>
      <c r="D128" s="8" t="s">
        <v>577</v>
      </c>
      <c r="E128" s="8" t="s">
        <v>578</v>
      </c>
      <c r="F128" s="8" t="s">
        <v>579</v>
      </c>
      <c r="G128" s="8" t="s">
        <v>580</v>
      </c>
    </row>
    <row r="129" spans="1:7" x14ac:dyDescent="0.25">
      <c r="A129" s="8" t="s">
        <v>7</v>
      </c>
      <c r="B129" s="8" t="s">
        <v>7</v>
      </c>
      <c r="C129" s="8" t="s">
        <v>7</v>
      </c>
      <c r="D129" s="8" t="s">
        <v>7</v>
      </c>
      <c r="E129" s="8" t="s">
        <v>7</v>
      </c>
      <c r="F129" s="8" t="s">
        <v>7</v>
      </c>
      <c r="G129" s="8" t="s">
        <v>7</v>
      </c>
    </row>
    <row r="130" spans="1:7" x14ac:dyDescent="0.25">
      <c r="A130" s="2" t="s">
        <v>176</v>
      </c>
      <c r="B130" s="4" t="s">
        <v>642</v>
      </c>
      <c r="C130" s="7">
        <v>-17011215.940000001</v>
      </c>
      <c r="D130" s="7">
        <v>-6700260.0199999996</v>
      </c>
      <c r="E130" s="7">
        <v>-6311827.8499999996</v>
      </c>
      <c r="F130" s="7">
        <v>-5668031.7199999997</v>
      </c>
      <c r="G130" s="7">
        <v>0</v>
      </c>
    </row>
    <row r="132" spans="1:7" x14ac:dyDescent="0.25">
      <c r="A132" s="8" t="s">
        <v>6</v>
      </c>
      <c r="B132" s="8" t="s">
        <v>643</v>
      </c>
      <c r="C132" s="8" t="s">
        <v>10</v>
      </c>
      <c r="D132" s="8" t="s">
        <v>554</v>
      </c>
    </row>
    <row r="133" spans="1:7" x14ac:dyDescent="0.25">
      <c r="A133" s="8" t="s">
        <v>7</v>
      </c>
      <c r="B133" s="8" t="s">
        <v>7</v>
      </c>
      <c r="C133" s="8" t="s">
        <v>7</v>
      </c>
      <c r="D133" s="8" t="s">
        <v>7</v>
      </c>
    </row>
    <row r="134" spans="1:7" x14ac:dyDescent="0.25">
      <c r="A134" s="2" t="s">
        <v>178</v>
      </c>
      <c r="B134" s="4" t="s">
        <v>644</v>
      </c>
      <c r="C134" s="7">
        <v>0</v>
      </c>
      <c r="D134" s="7">
        <v>0</v>
      </c>
    </row>
    <row r="135" spans="1:7" x14ac:dyDescent="0.25">
      <c r="A135" s="2" t="s">
        <v>180</v>
      </c>
      <c r="B135" s="4" t="s">
        <v>645</v>
      </c>
      <c r="C135" s="7">
        <v>0</v>
      </c>
      <c r="D135" s="7">
        <v>0</v>
      </c>
    </row>
    <row r="136" spans="1:7" x14ac:dyDescent="0.25">
      <c r="A136" s="3" t="s">
        <v>182</v>
      </c>
      <c r="B136" s="5" t="s">
        <v>646</v>
      </c>
      <c r="C136" s="6">
        <v>0</v>
      </c>
      <c r="D136" s="6">
        <v>0</v>
      </c>
    </row>
    <row r="138" spans="1:7" x14ac:dyDescent="0.25">
      <c r="A138" s="8" t="s">
        <v>6</v>
      </c>
      <c r="B138" s="8" t="s">
        <v>647</v>
      </c>
      <c r="C138" s="8" t="s">
        <v>576</v>
      </c>
      <c r="D138" s="8" t="s">
        <v>577</v>
      </c>
      <c r="E138" s="8" t="s">
        <v>578</v>
      </c>
      <c r="F138" s="8" t="s">
        <v>579</v>
      </c>
      <c r="G138" s="8" t="s">
        <v>580</v>
      </c>
    </row>
    <row r="139" spans="1:7" x14ac:dyDescent="0.25">
      <c r="A139" s="8" t="s">
        <v>7</v>
      </c>
      <c r="B139" s="8" t="s">
        <v>7</v>
      </c>
      <c r="C139" s="8" t="s">
        <v>7</v>
      </c>
      <c r="D139" s="8" t="s">
        <v>7</v>
      </c>
      <c r="E139" s="8" t="s">
        <v>7</v>
      </c>
      <c r="F139" s="8" t="s">
        <v>7</v>
      </c>
      <c r="G139" s="8" t="s">
        <v>7</v>
      </c>
    </row>
    <row r="140" spans="1:7" x14ac:dyDescent="0.25">
      <c r="A140" s="2" t="s">
        <v>184</v>
      </c>
      <c r="B140" s="4" t="s">
        <v>648</v>
      </c>
      <c r="C140" s="7">
        <v>561306086.51999998</v>
      </c>
      <c r="D140" s="7">
        <v>419158025.30000001</v>
      </c>
      <c r="E140" s="7">
        <v>382381585.55000001</v>
      </c>
      <c r="F140" s="7">
        <v>362265686.25</v>
      </c>
      <c r="G140" s="7">
        <v>0</v>
      </c>
    </row>
    <row r="141" spans="1:7" x14ac:dyDescent="0.25">
      <c r="A141" s="2" t="s">
        <v>186</v>
      </c>
      <c r="B141" s="4" t="s">
        <v>649</v>
      </c>
      <c r="C141" s="7">
        <v>80633592.890000001</v>
      </c>
      <c r="D141" s="7">
        <v>43822399.539999999</v>
      </c>
      <c r="E141" s="7">
        <v>38157859.939999998</v>
      </c>
      <c r="F141" s="7">
        <v>34467106.640000001</v>
      </c>
      <c r="G141" s="7">
        <v>0</v>
      </c>
    </row>
    <row r="142" spans="1:7" x14ac:dyDescent="0.25">
      <c r="A142" s="2" t="s">
        <v>188</v>
      </c>
      <c r="B142" s="4" t="s">
        <v>584</v>
      </c>
      <c r="C142" s="7">
        <v>0</v>
      </c>
      <c r="D142" s="7">
        <v>0</v>
      </c>
      <c r="E142" s="7">
        <v>0</v>
      </c>
      <c r="F142" s="7">
        <v>0</v>
      </c>
      <c r="G142" s="7">
        <v>0</v>
      </c>
    </row>
    <row r="143" spans="1:7" x14ac:dyDescent="0.25">
      <c r="A143" s="3" t="s">
        <v>190</v>
      </c>
      <c r="B143" s="5" t="s">
        <v>650</v>
      </c>
      <c r="C143" s="6">
        <v>641939679.40999997</v>
      </c>
      <c r="D143" s="6">
        <v>462980424.83999997</v>
      </c>
      <c r="E143" s="6">
        <v>420539445.49000001</v>
      </c>
      <c r="F143" s="6">
        <v>396732792.88999999</v>
      </c>
      <c r="G143" s="6">
        <v>0</v>
      </c>
    </row>
    <row r="145" spans="1:7" x14ac:dyDescent="0.25">
      <c r="A145" s="8" t="s">
        <v>6</v>
      </c>
      <c r="B145" s="8" t="s">
        <v>651</v>
      </c>
      <c r="C145" s="8" t="s">
        <v>576</v>
      </c>
      <c r="D145" s="8" t="s">
        <v>577</v>
      </c>
      <c r="E145" s="8" t="s">
        <v>578</v>
      </c>
      <c r="F145" s="8" t="s">
        <v>579</v>
      </c>
      <c r="G145" s="8" t="s">
        <v>580</v>
      </c>
    </row>
    <row r="146" spans="1:7" x14ac:dyDescent="0.25">
      <c r="A146" s="8" t="s">
        <v>7</v>
      </c>
      <c r="B146" s="8" t="s">
        <v>7</v>
      </c>
      <c r="C146" s="8" t="s">
        <v>7</v>
      </c>
      <c r="D146" s="8" t="s">
        <v>7</v>
      </c>
      <c r="E146" s="8" t="s">
        <v>7</v>
      </c>
      <c r="F146" s="8" t="s">
        <v>7</v>
      </c>
      <c r="G146" s="8" t="s">
        <v>7</v>
      </c>
    </row>
    <row r="147" spans="1:7" x14ac:dyDescent="0.25">
      <c r="A147" s="2" t="s">
        <v>192</v>
      </c>
      <c r="B147" s="4" t="s">
        <v>652</v>
      </c>
      <c r="C147" s="7">
        <v>-641939679.40999997</v>
      </c>
      <c r="D147" s="7">
        <v>-462980424.83999997</v>
      </c>
      <c r="E147" s="7">
        <v>-420539445.49000001</v>
      </c>
      <c r="F147" s="7">
        <v>-396732792.88999999</v>
      </c>
      <c r="G147" s="7">
        <v>0</v>
      </c>
    </row>
    <row r="149" spans="1:7" x14ac:dyDescent="0.25">
      <c r="A149" s="8" t="s">
        <v>6</v>
      </c>
      <c r="B149" s="8" t="s">
        <v>653</v>
      </c>
      <c r="C149" s="8" t="s">
        <v>10</v>
      </c>
      <c r="D149" s="8" t="s">
        <v>554</v>
      </c>
    </row>
    <row r="150" spans="1:7" x14ac:dyDescent="0.25">
      <c r="A150" s="8" t="s">
        <v>7</v>
      </c>
      <c r="B150" s="8" t="s">
        <v>7</v>
      </c>
      <c r="C150" s="8" t="s">
        <v>7</v>
      </c>
      <c r="D150" s="8" t="s">
        <v>7</v>
      </c>
    </row>
    <row r="151" spans="1:7" x14ac:dyDescent="0.25">
      <c r="A151" s="2" t="s">
        <v>194</v>
      </c>
      <c r="B151" s="4" t="s">
        <v>654</v>
      </c>
      <c r="C151" s="7">
        <v>275903900</v>
      </c>
      <c r="D151" s="7">
        <v>21504084.079999998</v>
      </c>
    </row>
    <row r="152" spans="1:7" x14ac:dyDescent="0.25">
      <c r="A152" s="2" t="s">
        <v>196</v>
      </c>
      <c r="B152" s="4" t="s">
        <v>655</v>
      </c>
      <c r="C152" s="7">
        <v>93536700</v>
      </c>
      <c r="D152" s="7">
        <v>19953018.190000001</v>
      </c>
    </row>
    <row r="153" spans="1:7" x14ac:dyDescent="0.25">
      <c r="A153" s="2" t="s">
        <v>198</v>
      </c>
      <c r="B153" s="4" t="s">
        <v>656</v>
      </c>
      <c r="C153" s="7">
        <v>10912800</v>
      </c>
      <c r="D153" s="7">
        <v>2524509.23</v>
      </c>
    </row>
    <row r="154" spans="1:7" x14ac:dyDescent="0.25">
      <c r="A154" s="2" t="s">
        <v>200</v>
      </c>
      <c r="B154" s="4" t="s">
        <v>657</v>
      </c>
      <c r="C154" s="7">
        <v>0</v>
      </c>
      <c r="D154" s="7">
        <v>0</v>
      </c>
    </row>
    <row r="155" spans="1:7" x14ac:dyDescent="0.25">
      <c r="A155" s="3" t="s">
        <v>202</v>
      </c>
      <c r="B155" s="5" t="s">
        <v>658</v>
      </c>
      <c r="C155" s="6">
        <v>380353400</v>
      </c>
      <c r="D155" s="6">
        <v>43981611.5</v>
      </c>
    </row>
    <row r="157" spans="1:7" x14ac:dyDescent="0.25">
      <c r="A157" s="8" t="s">
        <v>6</v>
      </c>
      <c r="B157" s="8" t="s">
        <v>659</v>
      </c>
      <c r="C157" s="8" t="s">
        <v>576</v>
      </c>
      <c r="D157" s="8" t="s">
        <v>577</v>
      </c>
      <c r="E157" s="8" t="s">
        <v>578</v>
      </c>
      <c r="F157" s="8" t="s">
        <v>579</v>
      </c>
      <c r="G157" s="8" t="s">
        <v>580</v>
      </c>
    </row>
    <row r="158" spans="1:7" x14ac:dyDescent="0.25">
      <c r="A158" s="8" t="s">
        <v>7</v>
      </c>
      <c r="B158" s="8" t="s">
        <v>7</v>
      </c>
      <c r="C158" s="8" t="s">
        <v>7</v>
      </c>
      <c r="D158" s="8" t="s">
        <v>7</v>
      </c>
      <c r="E158" s="8" t="s">
        <v>7</v>
      </c>
      <c r="F158" s="8" t="s">
        <v>7</v>
      </c>
      <c r="G158" s="8" t="s">
        <v>7</v>
      </c>
    </row>
    <row r="159" spans="1:7" x14ac:dyDescent="0.25">
      <c r="A159" s="2" t="s">
        <v>204</v>
      </c>
      <c r="B159" s="4" t="s">
        <v>660</v>
      </c>
      <c r="C159" s="7">
        <v>95160000</v>
      </c>
      <c r="D159" s="7">
        <v>50531001.520000003</v>
      </c>
      <c r="E159" s="7">
        <v>45385606.219999999</v>
      </c>
      <c r="F159" s="7">
        <v>45385606.219999999</v>
      </c>
      <c r="G159" s="7">
        <v>0</v>
      </c>
    </row>
    <row r="160" spans="1:7" x14ac:dyDescent="0.25">
      <c r="A160" s="2" t="s">
        <v>206</v>
      </c>
      <c r="B160" s="4" t="s">
        <v>649</v>
      </c>
      <c r="C160" s="7">
        <v>4840000</v>
      </c>
      <c r="D160" s="7">
        <v>3834705.03</v>
      </c>
      <c r="E160" s="7">
        <v>3062097.49</v>
      </c>
      <c r="F160" s="7">
        <v>3062097.49</v>
      </c>
      <c r="G160" s="7">
        <v>0</v>
      </c>
    </row>
    <row r="161" spans="1:7" x14ac:dyDescent="0.25">
      <c r="A161" s="2" t="s">
        <v>208</v>
      </c>
      <c r="B161" s="4" t="s">
        <v>661</v>
      </c>
      <c r="C161" s="7">
        <v>0</v>
      </c>
      <c r="D161" s="7">
        <v>0</v>
      </c>
      <c r="E161" s="7">
        <v>0</v>
      </c>
      <c r="F161" s="7">
        <v>0</v>
      </c>
      <c r="G161" s="7">
        <v>0</v>
      </c>
    </row>
    <row r="162" spans="1:7" x14ac:dyDescent="0.25">
      <c r="A162" s="3" t="s">
        <v>210</v>
      </c>
      <c r="B162" s="5" t="s">
        <v>662</v>
      </c>
      <c r="C162" s="6">
        <v>100000000</v>
      </c>
      <c r="D162" s="6">
        <v>54365706.549999997</v>
      </c>
      <c r="E162" s="6">
        <v>48447703.710000001</v>
      </c>
      <c r="F162" s="6">
        <v>48447703.710000001</v>
      </c>
      <c r="G162" s="6">
        <v>0</v>
      </c>
    </row>
    <row r="164" spans="1:7" x14ac:dyDescent="0.25">
      <c r="A164" s="8" t="s">
        <v>6</v>
      </c>
      <c r="B164" s="8" t="s">
        <v>663</v>
      </c>
      <c r="C164" s="8" t="s">
        <v>576</v>
      </c>
      <c r="D164" s="8" t="s">
        <v>577</v>
      </c>
      <c r="E164" s="8" t="s">
        <v>578</v>
      </c>
      <c r="F164" s="8" t="s">
        <v>579</v>
      </c>
      <c r="G164" s="8" t="s">
        <v>580</v>
      </c>
    </row>
    <row r="165" spans="1:7" x14ac:dyDescent="0.25">
      <c r="A165" s="8" t="s">
        <v>7</v>
      </c>
      <c r="B165" s="8" t="s">
        <v>7</v>
      </c>
      <c r="C165" s="8" t="s">
        <v>7</v>
      </c>
      <c r="D165" s="8" t="s">
        <v>7</v>
      </c>
      <c r="E165" s="8" t="s">
        <v>7</v>
      </c>
      <c r="F165" s="8" t="s">
        <v>7</v>
      </c>
      <c r="G165" s="8" t="s">
        <v>7</v>
      </c>
    </row>
    <row r="166" spans="1:7" x14ac:dyDescent="0.25">
      <c r="A166" s="2" t="s">
        <v>212</v>
      </c>
      <c r="B166" s="4" t="s">
        <v>664</v>
      </c>
      <c r="C166" s="7">
        <v>280353400</v>
      </c>
      <c r="D166" s="7">
        <v>-10384095.050000001</v>
      </c>
      <c r="E166" s="7">
        <v>-4466092.21</v>
      </c>
      <c r="F166" s="7">
        <v>-4466092.21</v>
      </c>
      <c r="G166" s="7">
        <v>0</v>
      </c>
    </row>
  </sheetData>
  <mergeCells count="111"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D115:D116"/>
    <mergeCell ref="A120:A121"/>
    <mergeCell ref="B120:B121"/>
    <mergeCell ref="C120:C121"/>
    <mergeCell ref="D120:D121"/>
    <mergeCell ref="A110:A111"/>
    <mergeCell ref="B110:B111"/>
    <mergeCell ref="C110:C111"/>
    <mergeCell ref="A115:A116"/>
    <mergeCell ref="B115:B116"/>
    <mergeCell ref="C115:C116"/>
    <mergeCell ref="F120:F121"/>
    <mergeCell ref="G120:G121"/>
    <mergeCell ref="A128:A129"/>
    <mergeCell ref="B128:B129"/>
    <mergeCell ref="C128:C129"/>
    <mergeCell ref="D128:D129"/>
    <mergeCell ref="E128:E129"/>
    <mergeCell ref="F128:F129"/>
    <mergeCell ref="G128:G129"/>
    <mergeCell ref="A132:A133"/>
    <mergeCell ref="B132:B133"/>
    <mergeCell ref="C132:C133"/>
    <mergeCell ref="D132:D133"/>
    <mergeCell ref="A138:A139"/>
    <mergeCell ref="B138:B139"/>
    <mergeCell ref="C138:C139"/>
    <mergeCell ref="D138:D139"/>
    <mergeCell ref="E120:E121"/>
    <mergeCell ref="F138:F139"/>
    <mergeCell ref="G138:G139"/>
    <mergeCell ref="A145:A146"/>
    <mergeCell ref="B145:B146"/>
    <mergeCell ref="C145:C146"/>
    <mergeCell ref="D145:D146"/>
    <mergeCell ref="E145:E146"/>
    <mergeCell ref="F145:F146"/>
    <mergeCell ref="G145:G146"/>
    <mergeCell ref="A149:A150"/>
    <mergeCell ref="B149:B150"/>
    <mergeCell ref="C149:C150"/>
    <mergeCell ref="D149:D150"/>
    <mergeCell ref="A157:A158"/>
    <mergeCell ref="B157:B158"/>
    <mergeCell ref="C157:C158"/>
    <mergeCell ref="D157:D158"/>
    <mergeCell ref="E138:E139"/>
    <mergeCell ref="E157:E158"/>
    <mergeCell ref="F157:F158"/>
    <mergeCell ref="G157:G158"/>
    <mergeCell ref="A164:A165"/>
    <mergeCell ref="B164:B165"/>
    <mergeCell ref="C164:C165"/>
    <mergeCell ref="D164:D165"/>
    <mergeCell ref="E164:E165"/>
    <mergeCell ref="F164:F165"/>
    <mergeCell ref="G164:G165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topLeftCell="A124" workbookViewId="0">
      <selection activeCell="C129" sqref="C129:F136"/>
    </sheetView>
  </sheetViews>
  <sheetFormatPr defaultRowHeight="15" x14ac:dyDescent="0.25"/>
  <cols>
    <col min="1" max="1" width="2.7109375" bestFit="1" customWidth="1"/>
    <col min="2" max="2" width="85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665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666</v>
      </c>
      <c r="B9" s="10"/>
      <c r="C9" s="10"/>
      <c r="D9" s="10"/>
      <c r="E9" s="10"/>
      <c r="F9" s="10"/>
      <c r="G9" s="10"/>
      <c r="H9" s="10"/>
      <c r="I9" s="10"/>
    </row>
    <row r="10" spans="1:9" ht="21" x14ac:dyDescent="0.25">
      <c r="A10" s="8" t="s">
        <v>6</v>
      </c>
      <c r="B10" s="8" t="s">
        <v>667</v>
      </c>
      <c r="C10" s="8" t="s">
        <v>668</v>
      </c>
      <c r="D10" s="1" t="s">
        <v>669</v>
      </c>
    </row>
    <row r="11" spans="1:9" ht="21" x14ac:dyDescent="0.25">
      <c r="A11" s="8" t="s">
        <v>7</v>
      </c>
      <c r="B11" s="8" t="s">
        <v>7</v>
      </c>
      <c r="C11" s="8" t="s">
        <v>7</v>
      </c>
      <c r="D11" s="1" t="s">
        <v>670</v>
      </c>
    </row>
    <row r="12" spans="1:9" x14ac:dyDescent="0.25">
      <c r="A12" s="3" t="s">
        <v>17</v>
      </c>
      <c r="B12" s="5" t="s">
        <v>555</v>
      </c>
      <c r="C12" s="6">
        <v>14256398800</v>
      </c>
      <c r="D12" s="6">
        <v>8118689763.8900003</v>
      </c>
    </row>
    <row r="13" spans="1:9" x14ac:dyDescent="0.25">
      <c r="A13" s="3" t="s">
        <v>19</v>
      </c>
      <c r="B13" s="5" t="s">
        <v>671</v>
      </c>
      <c r="C13" s="6">
        <v>7750745900</v>
      </c>
      <c r="D13" s="6">
        <v>4625934150.4300003</v>
      </c>
    </row>
    <row r="14" spans="1:9" x14ac:dyDescent="0.25">
      <c r="A14" s="2" t="s">
        <v>21</v>
      </c>
      <c r="B14" s="4" t="s">
        <v>672</v>
      </c>
      <c r="C14" s="7">
        <v>6049418100</v>
      </c>
      <c r="D14" s="7">
        <v>3592147595.0100002</v>
      </c>
    </row>
    <row r="15" spans="1:9" x14ac:dyDescent="0.25">
      <c r="A15" s="2" t="s">
        <v>23</v>
      </c>
      <c r="B15" s="4" t="s">
        <v>673</v>
      </c>
      <c r="C15" s="7">
        <v>292321400</v>
      </c>
      <c r="D15" s="7">
        <v>267824046.13</v>
      </c>
    </row>
    <row r="16" spans="1:9" x14ac:dyDescent="0.25">
      <c r="A16" s="2" t="s">
        <v>25</v>
      </c>
      <c r="B16" s="4" t="s">
        <v>674</v>
      </c>
      <c r="C16" s="7">
        <v>146275700</v>
      </c>
      <c r="D16" s="7">
        <v>124095752.18000001</v>
      </c>
    </row>
    <row r="17" spans="1:4" x14ac:dyDescent="0.25">
      <c r="A17" s="2" t="s">
        <v>27</v>
      </c>
      <c r="B17" s="4" t="s">
        <v>675</v>
      </c>
      <c r="C17" s="7">
        <v>992521700</v>
      </c>
      <c r="D17" s="7">
        <v>494362660.13</v>
      </c>
    </row>
    <row r="18" spans="1:4" x14ac:dyDescent="0.25">
      <c r="A18" s="2" t="s">
        <v>29</v>
      </c>
      <c r="B18" s="4" t="s">
        <v>676</v>
      </c>
      <c r="C18" s="7">
        <v>270209000</v>
      </c>
      <c r="D18" s="7">
        <v>147504096.97999999</v>
      </c>
    </row>
    <row r="19" spans="1:4" x14ac:dyDescent="0.25">
      <c r="A19" s="2" t="s">
        <v>31</v>
      </c>
      <c r="B19" s="4" t="s">
        <v>677</v>
      </c>
      <c r="C19" s="7">
        <v>870355100</v>
      </c>
      <c r="D19" s="7">
        <v>408876174.81999999</v>
      </c>
    </row>
    <row r="20" spans="1:4" x14ac:dyDescent="0.25">
      <c r="A20" s="3" t="s">
        <v>33</v>
      </c>
      <c r="B20" s="5" t="s">
        <v>561</v>
      </c>
      <c r="C20" s="6">
        <v>110822700</v>
      </c>
      <c r="D20" s="6">
        <v>86207266.689999998</v>
      </c>
    </row>
    <row r="21" spans="1:4" x14ac:dyDescent="0.25">
      <c r="A21" s="2" t="s">
        <v>35</v>
      </c>
      <c r="B21" s="4" t="s">
        <v>678</v>
      </c>
      <c r="C21" s="7">
        <v>64343900</v>
      </c>
      <c r="D21" s="7">
        <v>37162774.32</v>
      </c>
    </row>
    <row r="22" spans="1:4" x14ac:dyDescent="0.25">
      <c r="A22" s="2" t="s">
        <v>37</v>
      </c>
      <c r="B22" s="4" t="s">
        <v>564</v>
      </c>
      <c r="C22" s="7">
        <v>46478800</v>
      </c>
      <c r="D22" s="7">
        <v>49044492.369999997</v>
      </c>
    </row>
    <row r="23" spans="1:4" x14ac:dyDescent="0.25">
      <c r="A23" s="3" t="s">
        <v>39</v>
      </c>
      <c r="B23" s="5" t="s">
        <v>679</v>
      </c>
      <c r="C23" s="6">
        <v>4566968200</v>
      </c>
      <c r="D23" s="6">
        <v>2578879196.79</v>
      </c>
    </row>
    <row r="24" spans="1:4" x14ac:dyDescent="0.25">
      <c r="A24" s="2" t="s">
        <v>41</v>
      </c>
      <c r="B24" s="4" t="s">
        <v>680</v>
      </c>
      <c r="C24" s="7">
        <v>1018995300</v>
      </c>
      <c r="D24" s="7">
        <v>687590465.63</v>
      </c>
    </row>
    <row r="25" spans="1:4" x14ac:dyDescent="0.25">
      <c r="A25" s="2" t="s">
        <v>43</v>
      </c>
      <c r="B25" s="4" t="s">
        <v>681</v>
      </c>
      <c r="C25" s="7">
        <v>15230500</v>
      </c>
      <c r="D25" s="7">
        <v>0</v>
      </c>
    </row>
    <row r="26" spans="1:4" x14ac:dyDescent="0.25">
      <c r="A26" s="2" t="s">
        <v>45</v>
      </c>
      <c r="B26" s="4" t="s">
        <v>682</v>
      </c>
      <c r="C26" s="7">
        <v>66295000</v>
      </c>
      <c r="D26" s="7">
        <v>41317630.130000003</v>
      </c>
    </row>
    <row r="27" spans="1:4" x14ac:dyDescent="0.25">
      <c r="A27" s="2" t="s">
        <v>47</v>
      </c>
      <c r="B27" s="4" t="s">
        <v>683</v>
      </c>
      <c r="C27" s="7">
        <v>1205818000</v>
      </c>
      <c r="D27" s="7">
        <v>670292763.00999999</v>
      </c>
    </row>
    <row r="28" spans="1:4" x14ac:dyDescent="0.25">
      <c r="A28" s="2" t="s">
        <v>49</v>
      </c>
      <c r="B28" s="4" t="s">
        <v>684</v>
      </c>
      <c r="C28" s="7">
        <v>2260629400</v>
      </c>
      <c r="D28" s="7">
        <v>1179678338.02</v>
      </c>
    </row>
    <row r="29" spans="1:4" x14ac:dyDescent="0.25">
      <c r="A29" s="3" t="s">
        <v>51</v>
      </c>
      <c r="B29" s="5" t="s">
        <v>685</v>
      </c>
      <c r="C29" s="6">
        <v>957506900</v>
      </c>
      <c r="D29" s="6">
        <v>418792975.16000003</v>
      </c>
    </row>
    <row r="30" spans="1:4" x14ac:dyDescent="0.25">
      <c r="A30" s="2" t="s">
        <v>53</v>
      </c>
      <c r="B30" s="4" t="s">
        <v>686</v>
      </c>
      <c r="C30" s="7">
        <v>1763300</v>
      </c>
      <c r="D30" s="7">
        <v>1256826.1000000001</v>
      </c>
    </row>
    <row r="31" spans="1:4" x14ac:dyDescent="0.25">
      <c r="A31" s="2" t="s">
        <v>55</v>
      </c>
      <c r="B31" s="4" t="s">
        <v>687</v>
      </c>
      <c r="C31" s="7">
        <v>955743600</v>
      </c>
      <c r="D31" s="7">
        <v>417536149.06</v>
      </c>
    </row>
    <row r="32" spans="1:4" x14ac:dyDescent="0.25">
      <c r="A32" s="2" t="s">
        <v>57</v>
      </c>
      <c r="B32" s="4" t="s">
        <v>688</v>
      </c>
      <c r="C32" s="7">
        <v>14190291600</v>
      </c>
      <c r="D32" s="7">
        <v>8080270163.4700003</v>
      </c>
    </row>
    <row r="33" spans="1:4" x14ac:dyDescent="0.25">
      <c r="A33" s="3" t="s">
        <v>59</v>
      </c>
      <c r="B33" s="5" t="s">
        <v>689</v>
      </c>
      <c r="C33" s="6">
        <v>1399517273</v>
      </c>
      <c r="D33" s="6">
        <v>50906375.719999999</v>
      </c>
    </row>
    <row r="34" spans="1:4" x14ac:dyDescent="0.25">
      <c r="A34" s="2" t="s">
        <v>61</v>
      </c>
      <c r="B34" s="4" t="s">
        <v>690</v>
      </c>
      <c r="C34" s="7">
        <v>124511000</v>
      </c>
      <c r="D34" s="7">
        <v>0</v>
      </c>
    </row>
    <row r="35" spans="1:4" x14ac:dyDescent="0.25">
      <c r="A35" s="2" t="s">
        <v>63</v>
      </c>
      <c r="B35" s="4" t="s">
        <v>691</v>
      </c>
      <c r="C35" s="7">
        <v>8150600</v>
      </c>
      <c r="D35" s="7">
        <v>4738691.8</v>
      </c>
    </row>
    <row r="36" spans="1:4" x14ac:dyDescent="0.25">
      <c r="A36" s="3" t="s">
        <v>65</v>
      </c>
      <c r="B36" s="5" t="s">
        <v>692</v>
      </c>
      <c r="C36" s="6">
        <v>5395200</v>
      </c>
      <c r="D36" s="6">
        <v>2471305.36</v>
      </c>
    </row>
    <row r="37" spans="1:4" x14ac:dyDescent="0.25">
      <c r="A37" s="2" t="s">
        <v>67</v>
      </c>
      <c r="B37" s="4" t="s">
        <v>693</v>
      </c>
      <c r="C37" s="7">
        <v>0</v>
      </c>
      <c r="D37" s="7">
        <v>0</v>
      </c>
    </row>
    <row r="38" spans="1:4" x14ac:dyDescent="0.25">
      <c r="A38" s="2" t="s">
        <v>69</v>
      </c>
      <c r="B38" s="4" t="s">
        <v>694</v>
      </c>
      <c r="C38" s="7">
        <v>0</v>
      </c>
      <c r="D38" s="7">
        <v>0</v>
      </c>
    </row>
    <row r="39" spans="1:4" x14ac:dyDescent="0.25">
      <c r="A39" s="2" t="s">
        <v>71</v>
      </c>
      <c r="B39" s="4" t="s">
        <v>695</v>
      </c>
      <c r="C39" s="7">
        <v>5395200</v>
      </c>
      <c r="D39" s="7">
        <v>2471305.36</v>
      </c>
    </row>
    <row r="40" spans="1:4" x14ac:dyDescent="0.25">
      <c r="A40" s="3" t="s">
        <v>73</v>
      </c>
      <c r="B40" s="5" t="s">
        <v>696</v>
      </c>
      <c r="C40" s="6">
        <v>613390473</v>
      </c>
      <c r="D40" s="6">
        <v>43696378.560000002</v>
      </c>
    </row>
    <row r="41" spans="1:4" x14ac:dyDescent="0.25">
      <c r="A41" s="2" t="s">
        <v>75</v>
      </c>
      <c r="B41" s="4" t="s">
        <v>697</v>
      </c>
      <c r="C41" s="7">
        <v>579546973</v>
      </c>
      <c r="D41" s="7">
        <v>42478874.560000002</v>
      </c>
    </row>
    <row r="42" spans="1:4" x14ac:dyDescent="0.25">
      <c r="A42" s="2" t="s">
        <v>77</v>
      </c>
      <c r="B42" s="4" t="s">
        <v>698</v>
      </c>
      <c r="C42" s="7">
        <v>33843500</v>
      </c>
      <c r="D42" s="7">
        <v>1217504</v>
      </c>
    </row>
    <row r="43" spans="1:4" x14ac:dyDescent="0.25">
      <c r="A43" s="3" t="s">
        <v>79</v>
      </c>
      <c r="B43" s="5" t="s">
        <v>573</v>
      </c>
      <c r="C43" s="6">
        <v>648070000</v>
      </c>
      <c r="D43" s="6">
        <v>0</v>
      </c>
    </row>
    <row r="44" spans="1:4" x14ac:dyDescent="0.25">
      <c r="A44" s="2" t="s">
        <v>81</v>
      </c>
      <c r="B44" s="4" t="s">
        <v>699</v>
      </c>
      <c r="C44" s="7">
        <v>0</v>
      </c>
      <c r="D44" s="7">
        <v>0</v>
      </c>
    </row>
    <row r="45" spans="1:4" x14ac:dyDescent="0.25">
      <c r="A45" s="2" t="s">
        <v>83</v>
      </c>
      <c r="B45" s="4" t="s">
        <v>700</v>
      </c>
      <c r="C45" s="7">
        <v>648070000</v>
      </c>
      <c r="D45" s="7">
        <v>0</v>
      </c>
    </row>
    <row r="46" spans="1:4" x14ac:dyDescent="0.25">
      <c r="A46" s="2" t="s">
        <v>85</v>
      </c>
      <c r="B46" s="4" t="s">
        <v>701</v>
      </c>
      <c r="C46" s="7">
        <v>1266855673</v>
      </c>
      <c r="D46" s="7">
        <v>46167683.920000002</v>
      </c>
    </row>
    <row r="47" spans="1:4" x14ac:dyDescent="0.25">
      <c r="A47" s="3" t="s">
        <v>87</v>
      </c>
      <c r="B47" s="5" t="s">
        <v>702</v>
      </c>
      <c r="C47" s="6">
        <v>15457147273</v>
      </c>
      <c r="D47" s="6">
        <v>8126437847.3900003</v>
      </c>
    </row>
    <row r="49" spans="1:9" x14ac:dyDescent="0.25">
      <c r="A49" s="8" t="s">
        <v>6</v>
      </c>
      <c r="B49" s="8" t="s">
        <v>703</v>
      </c>
      <c r="C49" s="8" t="s">
        <v>704</v>
      </c>
      <c r="D49" s="8" t="s">
        <v>669</v>
      </c>
      <c r="E49" s="8" t="s">
        <v>7</v>
      </c>
      <c r="F49" s="8" t="s">
        <v>7</v>
      </c>
      <c r="G49" s="8" t="s">
        <v>7</v>
      </c>
      <c r="H49" s="8" t="s">
        <v>707</v>
      </c>
      <c r="I49" s="8" t="s">
        <v>707</v>
      </c>
    </row>
    <row r="50" spans="1:9" ht="21" x14ac:dyDescent="0.25">
      <c r="A50" s="8" t="s">
        <v>7</v>
      </c>
      <c r="B50" s="8" t="s">
        <v>7</v>
      </c>
      <c r="C50" s="8" t="s">
        <v>7</v>
      </c>
      <c r="D50" s="1" t="s">
        <v>168</v>
      </c>
      <c r="E50" s="1" t="s">
        <v>172</v>
      </c>
      <c r="F50" s="1" t="s">
        <v>705</v>
      </c>
      <c r="G50" s="1" t="s">
        <v>706</v>
      </c>
      <c r="H50" s="1" t="s">
        <v>708</v>
      </c>
      <c r="I50" s="1" t="s">
        <v>709</v>
      </c>
    </row>
    <row r="51" spans="1:9" x14ac:dyDescent="0.25">
      <c r="A51" s="3" t="s">
        <v>89</v>
      </c>
      <c r="B51" s="5" t="s">
        <v>710</v>
      </c>
      <c r="C51" s="6">
        <v>12799350823.17</v>
      </c>
      <c r="D51" s="6">
        <v>7308197666.6099997</v>
      </c>
      <c r="E51" s="6">
        <v>6195343679.54</v>
      </c>
      <c r="F51" s="6">
        <v>5726344005.9700003</v>
      </c>
      <c r="G51" s="6">
        <v>232704823.84</v>
      </c>
      <c r="H51" s="6">
        <v>125820997.39</v>
      </c>
      <c r="I51" s="6">
        <v>124763678.69</v>
      </c>
    </row>
    <row r="52" spans="1:9" x14ac:dyDescent="0.25">
      <c r="A52" s="2" t="s">
        <v>91</v>
      </c>
      <c r="B52" s="4" t="s">
        <v>711</v>
      </c>
      <c r="C52" s="7">
        <v>8056273903.8699999</v>
      </c>
      <c r="D52" s="7">
        <v>4963593872.6400003</v>
      </c>
      <c r="E52" s="7">
        <v>4381658918.1000004</v>
      </c>
      <c r="F52" s="7">
        <v>4004475756.4200001</v>
      </c>
      <c r="G52" s="7">
        <v>176029578.09999999</v>
      </c>
      <c r="H52" s="7">
        <v>505994.02</v>
      </c>
      <c r="I52" s="7">
        <v>505994.02</v>
      </c>
    </row>
    <row r="53" spans="1:9" x14ac:dyDescent="0.25">
      <c r="A53" s="2" t="s">
        <v>93</v>
      </c>
      <c r="B53" s="4" t="s">
        <v>712</v>
      </c>
      <c r="C53" s="7">
        <v>286357772</v>
      </c>
      <c r="D53" s="7">
        <v>154402191.80000001</v>
      </c>
      <c r="E53" s="7">
        <v>153728642.00999999</v>
      </c>
      <c r="F53" s="7">
        <v>153728642.00999999</v>
      </c>
      <c r="G53" s="7">
        <v>30000</v>
      </c>
      <c r="H53" s="7">
        <v>0</v>
      </c>
      <c r="I53" s="7">
        <v>0</v>
      </c>
    </row>
    <row r="54" spans="1:9" x14ac:dyDescent="0.25">
      <c r="A54" s="3" t="s">
        <v>95</v>
      </c>
      <c r="B54" s="5" t="s">
        <v>713</v>
      </c>
      <c r="C54" s="6">
        <v>4456719147.3000002</v>
      </c>
      <c r="D54" s="6">
        <v>2190201602.1700001</v>
      </c>
      <c r="E54" s="6">
        <v>1659956119.4300001</v>
      </c>
      <c r="F54" s="6">
        <v>1568139607.54</v>
      </c>
      <c r="G54" s="6">
        <v>56645245.740000002</v>
      </c>
      <c r="H54" s="6">
        <v>125315003.37</v>
      </c>
      <c r="I54" s="6">
        <v>124257684.67</v>
      </c>
    </row>
    <row r="55" spans="1:9" x14ac:dyDescent="0.25">
      <c r="A55" s="2" t="s">
        <v>97</v>
      </c>
      <c r="B55" s="4" t="s">
        <v>714</v>
      </c>
      <c r="C55" s="7">
        <v>399958800</v>
      </c>
      <c r="D55" s="7">
        <v>266948274.69999999</v>
      </c>
      <c r="E55" s="7">
        <v>264287790.53999999</v>
      </c>
      <c r="F55" s="7">
        <v>223574156.28</v>
      </c>
      <c r="G55" s="7">
        <v>0</v>
      </c>
      <c r="H55" s="7">
        <v>0</v>
      </c>
      <c r="I55" s="7">
        <v>0</v>
      </c>
    </row>
    <row r="56" spans="1:9" x14ac:dyDescent="0.25">
      <c r="A56" s="2" t="s">
        <v>99</v>
      </c>
      <c r="B56" s="4" t="s">
        <v>638</v>
      </c>
      <c r="C56" s="7">
        <v>4056760347.3000002</v>
      </c>
      <c r="D56" s="7">
        <v>1923253327.47</v>
      </c>
      <c r="E56" s="7">
        <v>1395668328.8900001</v>
      </c>
      <c r="F56" s="7">
        <v>1344565451.26</v>
      </c>
      <c r="G56" s="7">
        <v>56645245.740000002</v>
      </c>
      <c r="H56" s="7">
        <v>125315003.37</v>
      </c>
      <c r="I56" s="7">
        <v>124257684.67</v>
      </c>
    </row>
    <row r="57" spans="1:9" x14ac:dyDescent="0.25">
      <c r="A57" s="2" t="s">
        <v>101</v>
      </c>
      <c r="B57" s="4" t="s">
        <v>715</v>
      </c>
      <c r="C57" s="7">
        <v>12512993051.17</v>
      </c>
      <c r="D57" s="7">
        <v>7153795474.8100004</v>
      </c>
      <c r="E57" s="7">
        <v>6041615037.5299997</v>
      </c>
      <c r="F57" s="7">
        <v>5572615363.96</v>
      </c>
      <c r="G57" s="7">
        <v>232674823.84</v>
      </c>
      <c r="H57" s="7">
        <v>125820997.39</v>
      </c>
      <c r="I57" s="7">
        <v>124763678.69</v>
      </c>
    </row>
    <row r="58" spans="1:9" x14ac:dyDescent="0.25">
      <c r="A58" s="3" t="s">
        <v>103</v>
      </c>
      <c r="B58" s="5" t="s">
        <v>716</v>
      </c>
      <c r="C58" s="6">
        <v>3195420537.7199998</v>
      </c>
      <c r="D58" s="6">
        <v>1351170188.1099999</v>
      </c>
      <c r="E58" s="6">
        <v>637168041.54999995</v>
      </c>
      <c r="F58" s="6">
        <v>626995094.07000005</v>
      </c>
      <c r="G58" s="6">
        <v>1699602.32</v>
      </c>
      <c r="H58" s="6">
        <v>40072868.640000001</v>
      </c>
      <c r="I58" s="6">
        <v>39889878.640000001</v>
      </c>
    </row>
    <row r="59" spans="1:9" x14ac:dyDescent="0.25">
      <c r="A59" s="2" t="s">
        <v>105</v>
      </c>
      <c r="B59" s="4" t="s">
        <v>717</v>
      </c>
      <c r="C59" s="7">
        <v>2696082456.7199998</v>
      </c>
      <c r="D59" s="7">
        <v>1138836719.77</v>
      </c>
      <c r="E59" s="7">
        <v>435590876.67000002</v>
      </c>
      <c r="F59" s="7">
        <v>425417929.19</v>
      </c>
      <c r="G59" s="7">
        <v>1577268.75</v>
      </c>
      <c r="H59" s="7">
        <v>40072868.640000001</v>
      </c>
      <c r="I59" s="7">
        <v>39889878.640000001</v>
      </c>
    </row>
    <row r="60" spans="1:9" x14ac:dyDescent="0.25">
      <c r="A60" s="3" t="s">
        <v>107</v>
      </c>
      <c r="B60" s="5" t="s">
        <v>718</v>
      </c>
      <c r="C60" s="6">
        <v>81342936</v>
      </c>
      <c r="D60" s="6">
        <v>30948026.879999999</v>
      </c>
      <c r="E60" s="6">
        <v>20735884.870000001</v>
      </c>
      <c r="F60" s="6">
        <v>20735884.870000001</v>
      </c>
      <c r="G60" s="6">
        <v>122333.57</v>
      </c>
      <c r="H60" s="6">
        <v>0</v>
      </c>
      <c r="I60" s="6">
        <v>0</v>
      </c>
    </row>
    <row r="61" spans="1:9" x14ac:dyDescent="0.25">
      <c r="A61" s="2" t="s">
        <v>109</v>
      </c>
      <c r="B61" s="4" t="s">
        <v>719</v>
      </c>
      <c r="C61" s="7">
        <v>0</v>
      </c>
      <c r="D61" s="7">
        <v>0</v>
      </c>
      <c r="E61" s="7">
        <v>0</v>
      </c>
      <c r="F61" s="7">
        <v>0</v>
      </c>
      <c r="G61" s="7">
        <v>0</v>
      </c>
      <c r="H61" s="7">
        <v>0</v>
      </c>
      <c r="I61" s="7">
        <v>0</v>
      </c>
    </row>
    <row r="62" spans="1:9" x14ac:dyDescent="0.25">
      <c r="A62" s="2" t="s">
        <v>111</v>
      </c>
      <c r="B62" s="4" t="s">
        <v>720</v>
      </c>
      <c r="C62" s="7">
        <v>0</v>
      </c>
      <c r="D62" s="7">
        <v>0</v>
      </c>
      <c r="E62" s="7">
        <v>0</v>
      </c>
      <c r="F62" s="7">
        <v>0</v>
      </c>
      <c r="G62" s="7">
        <v>0</v>
      </c>
      <c r="H62" s="7">
        <v>0</v>
      </c>
      <c r="I62" s="7">
        <v>0</v>
      </c>
    </row>
    <row r="63" spans="1:9" x14ac:dyDescent="0.25">
      <c r="A63" s="2" t="s">
        <v>113</v>
      </c>
      <c r="B63" s="4" t="s">
        <v>721</v>
      </c>
      <c r="C63" s="7">
        <v>0</v>
      </c>
      <c r="D63" s="7">
        <v>0</v>
      </c>
      <c r="E63" s="7">
        <v>0</v>
      </c>
      <c r="F63" s="7">
        <v>0</v>
      </c>
      <c r="G63" s="7">
        <v>0</v>
      </c>
      <c r="H63" s="7">
        <v>0</v>
      </c>
      <c r="I63" s="7">
        <v>0</v>
      </c>
    </row>
    <row r="64" spans="1:9" x14ac:dyDescent="0.25">
      <c r="A64" s="2" t="s">
        <v>115</v>
      </c>
      <c r="B64" s="4" t="s">
        <v>722</v>
      </c>
      <c r="C64" s="7">
        <v>81342936</v>
      </c>
      <c r="D64" s="7">
        <v>30948026.879999999</v>
      </c>
      <c r="E64" s="7">
        <v>20735884.870000001</v>
      </c>
      <c r="F64" s="7">
        <v>20735884.870000001</v>
      </c>
      <c r="G64" s="7">
        <v>122333.57</v>
      </c>
      <c r="H64" s="7">
        <v>0</v>
      </c>
      <c r="I64" s="7">
        <v>0</v>
      </c>
    </row>
    <row r="65" spans="1:9" x14ac:dyDescent="0.25">
      <c r="A65" s="2" t="s">
        <v>117</v>
      </c>
      <c r="B65" s="4" t="s">
        <v>723</v>
      </c>
      <c r="C65" s="7">
        <v>417995145</v>
      </c>
      <c r="D65" s="7">
        <v>181385441.46000001</v>
      </c>
      <c r="E65" s="7">
        <v>180841280.00999999</v>
      </c>
      <c r="F65" s="7">
        <v>180841280.00999999</v>
      </c>
      <c r="G65" s="7">
        <v>0</v>
      </c>
      <c r="H65" s="7">
        <v>0</v>
      </c>
      <c r="I65" s="7">
        <v>0</v>
      </c>
    </row>
    <row r="66" spans="1:9" x14ac:dyDescent="0.25">
      <c r="A66" s="2" t="s">
        <v>119</v>
      </c>
      <c r="B66" s="4" t="s">
        <v>724</v>
      </c>
      <c r="C66" s="7">
        <v>2777425392.7199998</v>
      </c>
      <c r="D66" s="7">
        <v>1169784746.6500001</v>
      </c>
      <c r="E66" s="7">
        <v>456326761.54000002</v>
      </c>
      <c r="F66" s="7">
        <v>446153814.06</v>
      </c>
      <c r="G66" s="7">
        <v>1699602.32</v>
      </c>
      <c r="H66" s="7">
        <v>40072868.640000001</v>
      </c>
      <c r="I66" s="7">
        <v>39889878.640000001</v>
      </c>
    </row>
    <row r="67" spans="1:9" x14ac:dyDescent="0.25">
      <c r="A67" s="2" t="s">
        <v>120</v>
      </c>
      <c r="B67" s="4" t="s">
        <v>725</v>
      </c>
      <c r="C67" s="7">
        <v>45214127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3" t="s">
        <v>121</v>
      </c>
      <c r="B68" s="5" t="s">
        <v>726</v>
      </c>
      <c r="C68" s="6">
        <v>15335632570.889999</v>
      </c>
      <c r="D68" s="6">
        <v>8323580221.46</v>
      </c>
      <c r="E68" s="6">
        <v>6497941799.0699997</v>
      </c>
      <c r="F68" s="6">
        <v>6018769178.0200005</v>
      </c>
      <c r="G68" s="6">
        <v>234374426.16</v>
      </c>
      <c r="H68" s="6">
        <v>165893866.03</v>
      </c>
      <c r="I68" s="6">
        <v>164653557.33000001</v>
      </c>
    </row>
    <row r="70" spans="1:9" x14ac:dyDescent="0.25">
      <c r="A70" s="8" t="s">
        <v>6</v>
      </c>
      <c r="B70" s="8" t="s">
        <v>727</v>
      </c>
      <c r="C70" s="8" t="s">
        <v>728</v>
      </c>
    </row>
    <row r="71" spans="1:9" x14ac:dyDescent="0.25">
      <c r="A71" s="8" t="s">
        <v>7</v>
      </c>
      <c r="B71" s="8" t="s">
        <v>7</v>
      </c>
      <c r="C71" s="8" t="s">
        <v>7</v>
      </c>
    </row>
    <row r="72" spans="1:9" x14ac:dyDescent="0.25">
      <c r="A72" s="2" t="s">
        <v>122</v>
      </c>
      <c r="B72" s="4" t="s">
        <v>729</v>
      </c>
      <c r="C72" s="7">
        <v>1708640685.8800001</v>
      </c>
    </row>
    <row r="74" spans="1:9" x14ac:dyDescent="0.25">
      <c r="A74" s="8" t="s">
        <v>6</v>
      </c>
      <c r="B74" s="8" t="s">
        <v>730</v>
      </c>
      <c r="C74" s="8" t="s">
        <v>731</v>
      </c>
    </row>
    <row r="75" spans="1:9" x14ac:dyDescent="0.25">
      <c r="A75" s="8" t="s">
        <v>7</v>
      </c>
      <c r="B75" s="8" t="s">
        <v>7</v>
      </c>
      <c r="C75" s="8" t="s">
        <v>7</v>
      </c>
    </row>
    <row r="76" spans="1:9" x14ac:dyDescent="0.25">
      <c r="A76" s="2" t="s">
        <v>123</v>
      </c>
      <c r="B76" s="4" t="s">
        <v>732</v>
      </c>
      <c r="C76" s="7">
        <v>958127800</v>
      </c>
    </row>
    <row r="78" spans="1:9" x14ac:dyDescent="0.25">
      <c r="A78" s="8" t="s">
        <v>6</v>
      </c>
      <c r="B78" s="8" t="s">
        <v>733</v>
      </c>
      <c r="C78" s="1" t="s">
        <v>669</v>
      </c>
    </row>
    <row r="79" spans="1:9" x14ac:dyDescent="0.25">
      <c r="A79" s="8" t="s">
        <v>7</v>
      </c>
      <c r="B79" s="8" t="s">
        <v>7</v>
      </c>
      <c r="C79" s="1" t="s">
        <v>734</v>
      </c>
    </row>
    <row r="80" spans="1:9" x14ac:dyDescent="0.25">
      <c r="A80" s="2" t="s">
        <v>124</v>
      </c>
      <c r="B80" s="4" t="s">
        <v>735</v>
      </c>
      <c r="C80" s="7">
        <v>87394951.219999999</v>
      </c>
    </row>
    <row r="81" spans="1:4" x14ac:dyDescent="0.25">
      <c r="A81" s="2" t="s">
        <v>125</v>
      </c>
      <c r="B81" s="4" t="s">
        <v>736</v>
      </c>
      <c r="C81" s="7">
        <v>189423710.90000001</v>
      </c>
    </row>
    <row r="83" spans="1:4" x14ac:dyDescent="0.25">
      <c r="A83" s="8" t="s">
        <v>6</v>
      </c>
      <c r="B83" s="8" t="s">
        <v>737</v>
      </c>
      <c r="C83" s="8" t="s">
        <v>734</v>
      </c>
    </row>
    <row r="84" spans="1:4" x14ac:dyDescent="0.25">
      <c r="A84" s="8" t="s">
        <v>7</v>
      </c>
      <c r="B84" s="8" t="s">
        <v>7</v>
      </c>
      <c r="C84" s="8" t="s">
        <v>7</v>
      </c>
    </row>
    <row r="85" spans="1:4" x14ac:dyDescent="0.25">
      <c r="A85" s="2" t="s">
        <v>126</v>
      </c>
      <c r="B85" s="4" t="s">
        <v>738</v>
      </c>
      <c r="C85" s="7">
        <v>1606611926.2</v>
      </c>
    </row>
    <row r="87" spans="1:4" x14ac:dyDescent="0.25">
      <c r="A87" s="8" t="s">
        <v>6</v>
      </c>
      <c r="B87" s="8" t="s">
        <v>739</v>
      </c>
      <c r="C87" s="8" t="s">
        <v>731</v>
      </c>
    </row>
    <row r="88" spans="1:4" x14ac:dyDescent="0.25">
      <c r="A88" s="8" t="s">
        <v>7</v>
      </c>
      <c r="B88" s="8" t="s">
        <v>7</v>
      </c>
      <c r="C88" s="8" t="s">
        <v>7</v>
      </c>
    </row>
    <row r="89" spans="1:4" x14ac:dyDescent="0.25">
      <c r="A89" s="2" t="s">
        <v>127</v>
      </c>
      <c r="B89" s="4" t="s">
        <v>732</v>
      </c>
      <c r="C89" s="7">
        <v>427339100</v>
      </c>
    </row>
    <row r="91" spans="1:4" x14ac:dyDescent="0.25">
      <c r="A91" s="8" t="s">
        <v>6</v>
      </c>
      <c r="B91" s="8" t="s">
        <v>740</v>
      </c>
      <c r="C91" s="8" t="s">
        <v>741</v>
      </c>
      <c r="D91" s="8" t="s">
        <v>741</v>
      </c>
    </row>
    <row r="92" spans="1:4" x14ac:dyDescent="0.25">
      <c r="A92" s="8" t="s">
        <v>7</v>
      </c>
      <c r="B92" s="8" t="s">
        <v>7</v>
      </c>
      <c r="C92" s="1" t="s">
        <v>742</v>
      </c>
      <c r="D92" s="1" t="s">
        <v>371</v>
      </c>
    </row>
    <row r="93" spans="1:4" x14ac:dyDescent="0.25">
      <c r="A93" s="2" t="s">
        <v>129</v>
      </c>
      <c r="B93" s="4" t="s">
        <v>743</v>
      </c>
      <c r="C93" s="7">
        <v>9352844933.2099991</v>
      </c>
      <c r="D93" s="7">
        <v>8870148697.8700008</v>
      </c>
    </row>
    <row r="94" spans="1:4" x14ac:dyDescent="0.25">
      <c r="A94" s="3" t="s">
        <v>131</v>
      </c>
      <c r="B94" s="5" t="s">
        <v>744</v>
      </c>
      <c r="C94" s="6">
        <v>3609284331.3299999</v>
      </c>
      <c r="D94" s="6">
        <v>5226072766.2299995</v>
      </c>
    </row>
    <row r="95" spans="1:4" x14ac:dyDescent="0.25">
      <c r="A95" s="3" t="s">
        <v>133</v>
      </c>
      <c r="B95" s="5" t="s">
        <v>745</v>
      </c>
      <c r="C95" s="6">
        <v>3285610223.1199999</v>
      </c>
      <c r="D95" s="6">
        <v>4885636883.3100004</v>
      </c>
    </row>
    <row r="96" spans="1:4" x14ac:dyDescent="0.25">
      <c r="A96" s="2" t="s">
        <v>135</v>
      </c>
      <c r="B96" s="4" t="s">
        <v>746</v>
      </c>
      <c r="C96" s="7">
        <v>3595662492.1100001</v>
      </c>
      <c r="D96" s="7">
        <v>4960948038.9200001</v>
      </c>
    </row>
    <row r="97" spans="1:4" x14ac:dyDescent="0.25">
      <c r="A97" s="2" t="s">
        <v>137</v>
      </c>
      <c r="B97" s="4" t="s">
        <v>747</v>
      </c>
      <c r="C97" s="7">
        <v>310052268.99000001</v>
      </c>
      <c r="D97" s="7">
        <v>75311155.609999999</v>
      </c>
    </row>
    <row r="98" spans="1:4" x14ac:dyDescent="0.25">
      <c r="A98" s="2" t="s">
        <v>139</v>
      </c>
      <c r="B98" s="4" t="s">
        <v>748</v>
      </c>
      <c r="C98" s="7">
        <v>323674108.20999998</v>
      </c>
      <c r="D98" s="7">
        <v>340435882.92000002</v>
      </c>
    </row>
    <row r="99" spans="1:4" x14ac:dyDescent="0.25">
      <c r="A99" s="3" t="s">
        <v>141</v>
      </c>
      <c r="B99" s="5" t="s">
        <v>749</v>
      </c>
      <c r="C99" s="6">
        <v>5743560601.8800001</v>
      </c>
      <c r="D99" s="6">
        <v>3644075931.6399999</v>
      </c>
    </row>
    <row r="101" spans="1:4" x14ac:dyDescent="0.25">
      <c r="A101" s="8" t="s">
        <v>6</v>
      </c>
      <c r="B101" s="8" t="s">
        <v>750</v>
      </c>
      <c r="C101" s="8" t="s">
        <v>751</v>
      </c>
    </row>
    <row r="102" spans="1:4" x14ac:dyDescent="0.25">
      <c r="A102" s="8" t="s">
        <v>7</v>
      </c>
      <c r="B102" s="8" t="s">
        <v>7</v>
      </c>
      <c r="C102" s="8" t="s">
        <v>7</v>
      </c>
    </row>
    <row r="103" spans="1:4" x14ac:dyDescent="0.25">
      <c r="A103" s="2" t="s">
        <v>143</v>
      </c>
      <c r="B103" s="4" t="s">
        <v>752</v>
      </c>
      <c r="C103" s="7">
        <v>2099484670.24</v>
      </c>
    </row>
    <row r="105" spans="1:4" x14ac:dyDescent="0.25">
      <c r="A105" s="8" t="s">
        <v>6</v>
      </c>
      <c r="B105" s="8" t="s">
        <v>753</v>
      </c>
      <c r="C105" s="8" t="s">
        <v>751</v>
      </c>
    </row>
    <row r="106" spans="1:4" x14ac:dyDescent="0.25">
      <c r="A106" s="8" t="s">
        <v>7</v>
      </c>
      <c r="B106" s="8" t="s">
        <v>7</v>
      </c>
      <c r="C106" s="8" t="s">
        <v>7</v>
      </c>
    </row>
    <row r="107" spans="1:4" x14ac:dyDescent="0.25">
      <c r="A107" s="2" t="s">
        <v>145</v>
      </c>
      <c r="B107" s="4" t="s">
        <v>754</v>
      </c>
      <c r="C107" s="7">
        <v>234741113.38</v>
      </c>
    </row>
    <row r="108" spans="1:4" x14ac:dyDescent="0.25">
      <c r="A108" s="2" t="s">
        <v>147</v>
      </c>
      <c r="B108" s="4" t="s">
        <v>755</v>
      </c>
      <c r="C108" s="7">
        <v>0</v>
      </c>
    </row>
    <row r="109" spans="1:4" x14ac:dyDescent="0.25">
      <c r="A109" s="2" t="s">
        <v>149</v>
      </c>
      <c r="B109" s="4" t="s">
        <v>756</v>
      </c>
      <c r="C109" s="7">
        <v>0</v>
      </c>
    </row>
    <row r="110" spans="1:4" x14ac:dyDescent="0.25">
      <c r="A110" s="2" t="s">
        <v>151</v>
      </c>
      <c r="B110" s="4" t="s">
        <v>757</v>
      </c>
      <c r="C110" s="7">
        <v>-171957980.08000001</v>
      </c>
    </row>
    <row r="111" spans="1:4" x14ac:dyDescent="0.25">
      <c r="A111" s="2" t="s">
        <v>152</v>
      </c>
      <c r="B111" s="4" t="s">
        <v>758</v>
      </c>
      <c r="C111" s="7">
        <v>182040289.00999999</v>
      </c>
    </row>
    <row r="112" spans="1:4" x14ac:dyDescent="0.25">
      <c r="A112" s="2" t="s">
        <v>153</v>
      </c>
      <c r="B112" s="4" t="s">
        <v>759</v>
      </c>
      <c r="C112" s="7">
        <v>0</v>
      </c>
    </row>
    <row r="113" spans="1:8" x14ac:dyDescent="0.25">
      <c r="A113" s="2" t="s">
        <v>155</v>
      </c>
      <c r="B113" s="4" t="s">
        <v>760</v>
      </c>
      <c r="C113" s="7">
        <v>0</v>
      </c>
    </row>
    <row r="114" spans="1:8" x14ac:dyDescent="0.25">
      <c r="A114" s="2" t="s">
        <v>157</v>
      </c>
      <c r="B114" s="4" t="s">
        <v>761</v>
      </c>
      <c r="C114" s="7">
        <v>1510745287.77</v>
      </c>
    </row>
    <row r="116" spans="1:8" x14ac:dyDescent="0.25">
      <c r="A116" s="8" t="s">
        <v>6</v>
      </c>
      <c r="B116" s="8" t="s">
        <v>762</v>
      </c>
      <c r="C116" s="8" t="s">
        <v>590</v>
      </c>
    </row>
    <row r="117" spans="1:8" x14ac:dyDescent="0.25">
      <c r="A117" s="8" t="s">
        <v>7</v>
      </c>
      <c r="B117" s="8" t="s">
        <v>7</v>
      </c>
      <c r="C117" s="8" t="s">
        <v>7</v>
      </c>
    </row>
    <row r="118" spans="1:8" x14ac:dyDescent="0.25">
      <c r="A118" s="2" t="s">
        <v>159</v>
      </c>
      <c r="B118" s="4" t="s">
        <v>763</v>
      </c>
      <c r="C118" s="7">
        <v>1612774047.45</v>
      </c>
    </row>
    <row r="120" spans="1:8" x14ac:dyDescent="0.25">
      <c r="A120" s="8" t="s">
        <v>6</v>
      </c>
      <c r="B120" s="8" t="s">
        <v>764</v>
      </c>
      <c r="C120" s="8" t="s">
        <v>590</v>
      </c>
    </row>
    <row r="121" spans="1:8" x14ac:dyDescent="0.25">
      <c r="A121" s="8" t="s">
        <v>7</v>
      </c>
      <c r="B121" s="8" t="s">
        <v>7</v>
      </c>
      <c r="C121" s="8" t="s">
        <v>7</v>
      </c>
    </row>
    <row r="122" spans="1:8" x14ac:dyDescent="0.25">
      <c r="A122" s="3" t="s">
        <v>161</v>
      </c>
      <c r="B122" s="5" t="s">
        <v>765</v>
      </c>
      <c r="C122" s="6">
        <v>891137280.29999995</v>
      </c>
    </row>
    <row r="123" spans="1:8" x14ac:dyDescent="0.25">
      <c r="A123" s="2" t="s">
        <v>163</v>
      </c>
      <c r="B123" s="4" t="s">
        <v>162</v>
      </c>
      <c r="C123" s="7">
        <v>0</v>
      </c>
    </row>
    <row r="124" spans="1:8" x14ac:dyDescent="0.25">
      <c r="A124" s="2" t="s">
        <v>176</v>
      </c>
      <c r="B124" s="4" t="s">
        <v>766</v>
      </c>
      <c r="C124" s="7">
        <v>891137280.29999995</v>
      </c>
    </row>
    <row r="125" spans="1:8" x14ac:dyDescent="0.25">
      <c r="A125" s="2" t="s">
        <v>178</v>
      </c>
      <c r="B125" s="4" t="s">
        <v>592</v>
      </c>
      <c r="C125" s="7">
        <v>0</v>
      </c>
    </row>
    <row r="127" spans="1:8" x14ac:dyDescent="0.25">
      <c r="A127" s="8" t="s">
        <v>6</v>
      </c>
      <c r="B127" s="8" t="s">
        <v>767</v>
      </c>
      <c r="C127" s="8" t="s">
        <v>168</v>
      </c>
      <c r="D127" s="8" t="s">
        <v>7</v>
      </c>
      <c r="E127" s="8" t="s">
        <v>172</v>
      </c>
      <c r="F127" s="8" t="s">
        <v>7</v>
      </c>
      <c r="G127" s="8" t="s">
        <v>770</v>
      </c>
      <c r="H127" s="8" t="s">
        <v>770</v>
      </c>
    </row>
    <row r="128" spans="1:8" ht="21" x14ac:dyDescent="0.25">
      <c r="A128" s="8" t="s">
        <v>7</v>
      </c>
      <c r="B128" s="8" t="s">
        <v>7</v>
      </c>
      <c r="C128" s="1" t="s">
        <v>768</v>
      </c>
      <c r="D128" s="1" t="s">
        <v>769</v>
      </c>
      <c r="E128" s="1" t="s">
        <v>768</v>
      </c>
      <c r="F128" s="1" t="s">
        <v>769</v>
      </c>
      <c r="G128" s="1" t="s">
        <v>768</v>
      </c>
      <c r="H128" s="1" t="s">
        <v>769</v>
      </c>
    </row>
    <row r="129" spans="1:8" x14ac:dyDescent="0.25">
      <c r="A129" s="3" t="s">
        <v>180</v>
      </c>
      <c r="B129" s="5" t="s">
        <v>771</v>
      </c>
      <c r="C129" s="6">
        <v>7795447963.4300003</v>
      </c>
      <c r="D129" s="6">
        <v>8394388488.8599997</v>
      </c>
      <c r="E129" s="6">
        <v>6789567221.04</v>
      </c>
      <c r="F129" s="6">
        <v>7193618414.9300003</v>
      </c>
      <c r="G129" s="6">
        <v>0</v>
      </c>
      <c r="H129" s="6">
        <v>0</v>
      </c>
    </row>
    <row r="130" spans="1:8" x14ac:dyDescent="0.25">
      <c r="A130" s="2" t="s">
        <v>182</v>
      </c>
      <c r="B130" s="4" t="s">
        <v>711</v>
      </c>
      <c r="C130" s="7">
        <v>5782958719.1700001</v>
      </c>
      <c r="D130" s="7">
        <v>5980057895.54</v>
      </c>
      <c r="E130" s="7">
        <v>5235734039.9499998</v>
      </c>
      <c r="F130" s="7">
        <v>5338432916.7700005</v>
      </c>
      <c r="G130" s="7">
        <v>0</v>
      </c>
      <c r="H130" s="7">
        <v>0</v>
      </c>
    </row>
    <row r="131" spans="1:8" x14ac:dyDescent="0.25">
      <c r="A131" s="2" t="s">
        <v>184</v>
      </c>
      <c r="B131" s="4" t="s">
        <v>772</v>
      </c>
      <c r="C131" s="7">
        <v>98792253.310000002</v>
      </c>
      <c r="D131" s="7">
        <v>154402191.80000001</v>
      </c>
      <c r="E131" s="7">
        <v>89448316.280000001</v>
      </c>
      <c r="F131" s="7">
        <v>153728642.00999999</v>
      </c>
      <c r="G131" s="7">
        <v>0</v>
      </c>
      <c r="H131" s="7">
        <v>0</v>
      </c>
    </row>
    <row r="132" spans="1:8" x14ac:dyDescent="0.25">
      <c r="A132" s="2" t="s">
        <v>186</v>
      </c>
      <c r="B132" s="4" t="s">
        <v>713</v>
      </c>
      <c r="C132" s="7">
        <v>1913696990.95</v>
      </c>
      <c r="D132" s="7">
        <v>2259928401.52</v>
      </c>
      <c r="E132" s="7">
        <v>1464384864.8099999</v>
      </c>
      <c r="F132" s="7">
        <v>1701456856.1500001</v>
      </c>
      <c r="G132" s="7">
        <v>0</v>
      </c>
      <c r="H132" s="7">
        <v>0</v>
      </c>
    </row>
    <row r="133" spans="1:8" x14ac:dyDescent="0.25">
      <c r="A133" s="2" t="s">
        <v>188</v>
      </c>
      <c r="B133" s="4" t="s">
        <v>773</v>
      </c>
      <c r="C133" s="7">
        <v>7696655710.1199999</v>
      </c>
      <c r="D133" s="7">
        <v>8239986297.0600004</v>
      </c>
      <c r="E133" s="7">
        <v>6700118904.7600002</v>
      </c>
      <c r="F133" s="7">
        <v>7039889772.9200001</v>
      </c>
      <c r="G133" s="7">
        <v>0</v>
      </c>
      <c r="H133" s="7">
        <v>0</v>
      </c>
    </row>
    <row r="134" spans="1:8" x14ac:dyDescent="0.25">
      <c r="A134" s="2" t="s">
        <v>190</v>
      </c>
      <c r="B134" s="4" t="s">
        <v>774</v>
      </c>
      <c r="C134" s="7">
        <v>98000000</v>
      </c>
      <c r="D134" s="7">
        <v>266948274.69999999</v>
      </c>
      <c r="E134" s="7">
        <v>98000000</v>
      </c>
      <c r="F134" s="7">
        <v>264287790.53999999</v>
      </c>
      <c r="G134" s="7">
        <v>0</v>
      </c>
      <c r="H134" s="7">
        <v>0</v>
      </c>
    </row>
    <row r="135" spans="1:8" x14ac:dyDescent="0.25">
      <c r="A135" s="2" t="s">
        <v>192</v>
      </c>
      <c r="B135" s="4" t="s">
        <v>775</v>
      </c>
      <c r="C135" s="7">
        <v>57264989.719999999</v>
      </c>
      <c r="D135" s="7">
        <v>70161995.469999999</v>
      </c>
      <c r="E135" s="7">
        <v>53546298.490000002</v>
      </c>
      <c r="F135" s="7">
        <v>68811026.219999999</v>
      </c>
      <c r="G135" s="7">
        <v>0</v>
      </c>
      <c r="H135" s="7">
        <v>0</v>
      </c>
    </row>
    <row r="136" spans="1:8" x14ac:dyDescent="0.25">
      <c r="A136" s="2" t="s">
        <v>194</v>
      </c>
      <c r="B136" s="4" t="s">
        <v>776</v>
      </c>
      <c r="C136" s="7">
        <v>7541390720.3999996</v>
      </c>
      <c r="D136" s="7">
        <v>7902876026.8900003</v>
      </c>
      <c r="E136" s="7">
        <v>6548572606.2700005</v>
      </c>
      <c r="F136" s="7">
        <v>6706790956.1599998</v>
      </c>
      <c r="G136" s="7">
        <v>0</v>
      </c>
      <c r="H136" s="7">
        <v>0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6:A117"/>
    <mergeCell ref="B116:B117"/>
    <mergeCell ref="C116:C117"/>
    <mergeCell ref="A120:A121"/>
    <mergeCell ref="B120:B121"/>
    <mergeCell ref="C120:C121"/>
    <mergeCell ref="A127:A128"/>
    <mergeCell ref="B127:B128"/>
    <mergeCell ref="C127:D127"/>
    <mergeCell ref="E127:F127"/>
    <mergeCell ref="G127:H12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A12" workbookViewId="0">
      <selection activeCell="D28" sqref="D28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777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778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779</v>
      </c>
      <c r="C10" s="8" t="s">
        <v>780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85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92</v>
      </c>
    </row>
    <row r="11" spans="1:14" ht="31.5" x14ac:dyDescent="0.25">
      <c r="A11" s="8" t="s">
        <v>7</v>
      </c>
      <c r="B11" s="8" t="s">
        <v>7</v>
      </c>
      <c r="C11" s="1" t="s">
        <v>781</v>
      </c>
      <c r="D11" s="1" t="s">
        <v>782</v>
      </c>
      <c r="E11" s="1" t="s">
        <v>709</v>
      </c>
      <c r="F11" s="1" t="s">
        <v>783</v>
      </c>
      <c r="G11" s="1" t="s">
        <v>784</v>
      </c>
      <c r="H11" s="1" t="s">
        <v>786</v>
      </c>
      <c r="I11" s="1" t="s">
        <v>787</v>
      </c>
      <c r="J11" s="1" t="s">
        <v>788</v>
      </c>
      <c r="K11" s="1" t="s">
        <v>789</v>
      </c>
      <c r="L11" s="1" t="s">
        <v>790</v>
      </c>
      <c r="M11" s="1" t="s">
        <v>791</v>
      </c>
      <c r="N11" s="8" t="s">
        <v>7</v>
      </c>
    </row>
    <row r="12" spans="1:14" x14ac:dyDescent="0.25">
      <c r="A12" s="3" t="s">
        <v>17</v>
      </c>
      <c r="B12" s="5" t="s">
        <v>793</v>
      </c>
      <c r="C12" s="6">
        <v>76701517.370000005</v>
      </c>
      <c r="D12" s="6">
        <v>234255830.49000001</v>
      </c>
      <c r="E12" s="6">
        <v>234404426.16</v>
      </c>
      <c r="F12" s="6">
        <v>1610632.14</v>
      </c>
      <c r="G12" s="6">
        <v>74942289.560000002</v>
      </c>
      <c r="H12" s="6">
        <v>64719138.039999999</v>
      </c>
      <c r="I12" s="6">
        <v>280946258.94</v>
      </c>
      <c r="J12" s="6">
        <v>165893866.03</v>
      </c>
      <c r="K12" s="6">
        <v>164653557.33000001</v>
      </c>
      <c r="L12" s="6">
        <v>34147819.799999997</v>
      </c>
      <c r="M12" s="6">
        <v>146864019.84999999</v>
      </c>
      <c r="N12" s="6">
        <v>221806309.41</v>
      </c>
    </row>
    <row r="13" spans="1:14" x14ac:dyDescent="0.25">
      <c r="A13" s="2" t="s">
        <v>19</v>
      </c>
      <c r="B13" s="4" t="s">
        <v>794</v>
      </c>
      <c r="C13" s="7">
        <v>73388309.920000002</v>
      </c>
      <c r="D13" s="7">
        <v>164013051.69</v>
      </c>
      <c r="E13" s="7">
        <v>166823286.90000001</v>
      </c>
      <c r="F13" s="7">
        <v>1568314.69</v>
      </c>
      <c r="G13" s="7">
        <v>69009760.019999996</v>
      </c>
      <c r="H13" s="7">
        <v>63361799.229999997</v>
      </c>
      <c r="I13" s="7">
        <v>220411631.87</v>
      </c>
      <c r="J13" s="7">
        <v>132077106.67</v>
      </c>
      <c r="K13" s="7">
        <v>130918822.63</v>
      </c>
      <c r="L13" s="7">
        <v>22030328.539999999</v>
      </c>
      <c r="M13" s="7">
        <v>130824279.93000001</v>
      </c>
      <c r="N13" s="7">
        <v>199834039.94999999</v>
      </c>
    </row>
    <row r="14" spans="1:14" x14ac:dyDescent="0.25">
      <c r="A14" s="3" t="s">
        <v>21</v>
      </c>
      <c r="B14" s="5" t="s">
        <v>795</v>
      </c>
      <c r="C14" s="6">
        <v>0</v>
      </c>
      <c r="D14" s="6">
        <v>10990226.16</v>
      </c>
      <c r="E14" s="6">
        <v>10982503.65</v>
      </c>
      <c r="F14" s="6">
        <v>7722.51</v>
      </c>
      <c r="G14" s="6">
        <v>0</v>
      </c>
      <c r="H14" s="6">
        <v>226986.2</v>
      </c>
      <c r="I14" s="6">
        <v>14958224.26</v>
      </c>
      <c r="J14" s="6">
        <v>9434733.6600000001</v>
      </c>
      <c r="K14" s="6">
        <v>9434733.6600000001</v>
      </c>
      <c r="L14" s="6">
        <v>1306890.52</v>
      </c>
      <c r="M14" s="6">
        <v>4443586.28</v>
      </c>
      <c r="N14" s="6">
        <v>4443586.28</v>
      </c>
    </row>
    <row r="15" spans="1:14" x14ac:dyDescent="0.25">
      <c r="A15" s="2" t="s">
        <v>23</v>
      </c>
      <c r="B15" s="4" t="s">
        <v>796</v>
      </c>
      <c r="C15" s="7">
        <v>0</v>
      </c>
      <c r="D15" s="7">
        <v>10234146.26</v>
      </c>
      <c r="E15" s="7">
        <v>10226423.75</v>
      </c>
      <c r="F15" s="7">
        <v>7722.51</v>
      </c>
      <c r="G15" s="7">
        <v>0</v>
      </c>
      <c r="H15" s="7">
        <v>0</v>
      </c>
      <c r="I15" s="7">
        <v>9027419.1699999999</v>
      </c>
      <c r="J15" s="7">
        <v>4462956.4400000004</v>
      </c>
      <c r="K15" s="7">
        <v>4462956.4400000004</v>
      </c>
      <c r="L15" s="7">
        <v>130876.45</v>
      </c>
      <c r="M15" s="7">
        <v>4433586.28</v>
      </c>
      <c r="N15" s="7">
        <v>4433586.28</v>
      </c>
    </row>
    <row r="16" spans="1:14" x14ac:dyDescent="0.25">
      <c r="A16" s="2" t="s">
        <v>25</v>
      </c>
      <c r="B16" s="4" t="s">
        <v>797</v>
      </c>
      <c r="C16" s="7">
        <v>0</v>
      </c>
      <c r="D16" s="7">
        <v>756079.9</v>
      </c>
      <c r="E16" s="7">
        <v>756079.9</v>
      </c>
      <c r="F16" s="7">
        <v>0</v>
      </c>
      <c r="G16" s="7">
        <v>0</v>
      </c>
      <c r="H16" s="7">
        <v>226986.2</v>
      </c>
      <c r="I16" s="7">
        <v>5919895.9100000001</v>
      </c>
      <c r="J16" s="7">
        <v>4960868.04</v>
      </c>
      <c r="K16" s="7">
        <v>4960868.04</v>
      </c>
      <c r="L16" s="7">
        <v>1176014.07</v>
      </c>
      <c r="M16" s="7">
        <v>10000</v>
      </c>
      <c r="N16" s="7">
        <v>10000</v>
      </c>
    </row>
    <row r="17" spans="1:14" x14ac:dyDescent="0.25">
      <c r="A17" s="2" t="s">
        <v>27</v>
      </c>
      <c r="B17" s="4" t="s">
        <v>798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10909.18</v>
      </c>
      <c r="J17" s="7">
        <v>10909.18</v>
      </c>
      <c r="K17" s="7">
        <v>10909.18</v>
      </c>
      <c r="L17" s="7">
        <v>0</v>
      </c>
      <c r="M17" s="7">
        <v>0</v>
      </c>
      <c r="N17" s="7">
        <v>0</v>
      </c>
    </row>
    <row r="18" spans="1:14" x14ac:dyDescent="0.25">
      <c r="A18" s="3" t="s">
        <v>29</v>
      </c>
      <c r="B18" s="5" t="s">
        <v>799</v>
      </c>
      <c r="C18" s="6">
        <v>655.5</v>
      </c>
      <c r="D18" s="6">
        <v>43489446.810000002</v>
      </c>
      <c r="E18" s="6">
        <v>43455507.210000001</v>
      </c>
      <c r="F18" s="6">
        <v>34594.94</v>
      </c>
      <c r="G18" s="6">
        <v>0.16</v>
      </c>
      <c r="H18" s="6">
        <v>1130352.6100000001</v>
      </c>
      <c r="I18" s="6">
        <v>20742106.859999999</v>
      </c>
      <c r="J18" s="6">
        <v>11857799.74</v>
      </c>
      <c r="K18" s="6">
        <v>11857799.74</v>
      </c>
      <c r="L18" s="6">
        <v>9654844.5899999999</v>
      </c>
      <c r="M18" s="6">
        <v>359815.14</v>
      </c>
      <c r="N18" s="6">
        <v>359815.3</v>
      </c>
    </row>
    <row r="19" spans="1:14" x14ac:dyDescent="0.25">
      <c r="A19" s="2" t="s">
        <v>31</v>
      </c>
      <c r="B19" s="4" t="s">
        <v>800</v>
      </c>
      <c r="C19" s="7">
        <v>0</v>
      </c>
      <c r="D19" s="7">
        <v>40805111.030000001</v>
      </c>
      <c r="E19" s="7">
        <v>40770515.93</v>
      </c>
      <c r="F19" s="7">
        <v>34594.94</v>
      </c>
      <c r="G19" s="7">
        <v>0.16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.16</v>
      </c>
    </row>
    <row r="20" spans="1:14" x14ac:dyDescent="0.25">
      <c r="A20" s="2" t="s">
        <v>33</v>
      </c>
      <c r="B20" s="4" t="s">
        <v>801</v>
      </c>
      <c r="C20" s="7">
        <v>655.5</v>
      </c>
      <c r="D20" s="7">
        <v>2684335.7799999998</v>
      </c>
      <c r="E20" s="7">
        <v>2684991.28</v>
      </c>
      <c r="F20" s="7">
        <v>0</v>
      </c>
      <c r="G20" s="7">
        <v>0</v>
      </c>
      <c r="H20" s="7">
        <v>1130352.6100000001</v>
      </c>
      <c r="I20" s="7">
        <v>20742106.859999999</v>
      </c>
      <c r="J20" s="7">
        <v>11857799.74</v>
      </c>
      <c r="K20" s="7">
        <v>11857799.74</v>
      </c>
      <c r="L20" s="7">
        <v>9654844.5899999999</v>
      </c>
      <c r="M20" s="7">
        <v>359815.14</v>
      </c>
      <c r="N20" s="7">
        <v>359815.14</v>
      </c>
    </row>
    <row r="21" spans="1:14" x14ac:dyDescent="0.25">
      <c r="A21" s="3" t="s">
        <v>35</v>
      </c>
      <c r="B21" s="5" t="s">
        <v>802</v>
      </c>
      <c r="C21" s="6">
        <v>3312551.95</v>
      </c>
      <c r="D21" s="6">
        <v>15326121.380000001</v>
      </c>
      <c r="E21" s="6">
        <v>12706143.949999999</v>
      </c>
      <c r="F21" s="6">
        <v>0</v>
      </c>
      <c r="G21" s="6">
        <v>5932529.3799999999</v>
      </c>
      <c r="H21" s="6">
        <v>0</v>
      </c>
      <c r="I21" s="6">
        <v>21431846.760000002</v>
      </c>
      <c r="J21" s="6">
        <v>9932277.3100000005</v>
      </c>
      <c r="K21" s="6">
        <v>9850252.6500000004</v>
      </c>
      <c r="L21" s="6">
        <v>410237.58</v>
      </c>
      <c r="M21" s="6">
        <v>11171356.529999999</v>
      </c>
      <c r="N21" s="6">
        <v>17103885.91</v>
      </c>
    </row>
    <row r="22" spans="1:14" x14ac:dyDescent="0.25">
      <c r="A22" s="2" t="s">
        <v>37</v>
      </c>
      <c r="B22" s="4" t="s">
        <v>803</v>
      </c>
      <c r="C22" s="7">
        <v>3312551.95</v>
      </c>
      <c r="D22" s="7">
        <v>15290204.18</v>
      </c>
      <c r="E22" s="7">
        <v>12670226.75</v>
      </c>
      <c r="F22" s="7">
        <v>0</v>
      </c>
      <c r="G22" s="7">
        <v>5932529.3799999999</v>
      </c>
      <c r="H22" s="7">
        <v>0</v>
      </c>
      <c r="I22" s="7">
        <v>10853288.58</v>
      </c>
      <c r="J22" s="7">
        <v>7923197.8099999996</v>
      </c>
      <c r="K22" s="7">
        <v>7841173.1500000004</v>
      </c>
      <c r="L22" s="7">
        <v>311164.06</v>
      </c>
      <c r="M22" s="7">
        <v>2700951.37</v>
      </c>
      <c r="N22" s="7">
        <v>8633480.75</v>
      </c>
    </row>
    <row r="23" spans="1:14" x14ac:dyDescent="0.25">
      <c r="A23" s="2" t="s">
        <v>39</v>
      </c>
      <c r="B23" s="4" t="s">
        <v>804</v>
      </c>
      <c r="C23" s="7">
        <v>0</v>
      </c>
      <c r="D23" s="7">
        <v>35917.199999999997</v>
      </c>
      <c r="E23" s="7">
        <v>35917.199999999997</v>
      </c>
      <c r="F23" s="7">
        <v>0</v>
      </c>
      <c r="G23" s="7">
        <v>0</v>
      </c>
      <c r="H23" s="7">
        <v>0</v>
      </c>
      <c r="I23" s="7">
        <v>10578558.18</v>
      </c>
      <c r="J23" s="7">
        <v>2009079.5</v>
      </c>
      <c r="K23" s="7">
        <v>2009079.5</v>
      </c>
      <c r="L23" s="7">
        <v>99073.52</v>
      </c>
      <c r="M23" s="7">
        <v>8470405.1600000001</v>
      </c>
      <c r="N23" s="7">
        <v>8470405.1600000001</v>
      </c>
    </row>
    <row r="24" spans="1:14" x14ac:dyDescent="0.25">
      <c r="A24" s="2" t="s">
        <v>41</v>
      </c>
      <c r="B24" s="4" t="s">
        <v>805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</row>
    <row r="25" spans="1:14" x14ac:dyDescent="0.25">
      <c r="A25" s="2" t="s">
        <v>43</v>
      </c>
      <c r="B25" s="4" t="s">
        <v>806</v>
      </c>
      <c r="C25" s="7">
        <v>0</v>
      </c>
      <c r="D25" s="7">
        <v>436984.45</v>
      </c>
      <c r="E25" s="7">
        <v>436984.45</v>
      </c>
      <c r="F25" s="7">
        <v>0</v>
      </c>
      <c r="G25" s="7">
        <v>0</v>
      </c>
      <c r="H25" s="7">
        <v>0</v>
      </c>
      <c r="I25" s="7">
        <v>3402449.19</v>
      </c>
      <c r="J25" s="7">
        <v>2591948.65</v>
      </c>
      <c r="K25" s="7">
        <v>2591948.65</v>
      </c>
      <c r="L25" s="7">
        <v>745518.57</v>
      </c>
      <c r="M25" s="7">
        <v>64981.97</v>
      </c>
      <c r="N25" s="7">
        <v>64981.97</v>
      </c>
    </row>
    <row r="26" spans="1:14" x14ac:dyDescent="0.25">
      <c r="A26" s="3" t="s">
        <v>45</v>
      </c>
      <c r="B26" s="5" t="s">
        <v>807</v>
      </c>
      <c r="C26" s="6">
        <v>7403441.6399999997</v>
      </c>
      <c r="D26" s="6">
        <v>80081136.290000007</v>
      </c>
      <c r="E26" s="6">
        <v>80002175.959999993</v>
      </c>
      <c r="F26" s="6">
        <v>77525.91</v>
      </c>
      <c r="G26" s="6">
        <v>7404876.0599999996</v>
      </c>
      <c r="H26" s="6">
        <v>0</v>
      </c>
      <c r="I26" s="6">
        <v>0</v>
      </c>
      <c r="J26" s="6">
        <v>0</v>
      </c>
      <c r="K26" s="6">
        <v>0</v>
      </c>
      <c r="L26" s="6">
        <v>0</v>
      </c>
      <c r="M26" s="6">
        <v>0</v>
      </c>
      <c r="N26" s="6">
        <v>7404876.0599999996</v>
      </c>
    </row>
    <row r="27" spans="1:14" x14ac:dyDescent="0.25">
      <c r="A27" s="2" t="s">
        <v>47</v>
      </c>
      <c r="B27" s="4" t="s">
        <v>808</v>
      </c>
      <c r="C27" s="7">
        <v>7403386.8200000003</v>
      </c>
      <c r="D27" s="7">
        <v>57469118.140000001</v>
      </c>
      <c r="E27" s="7">
        <v>57467683.719999999</v>
      </c>
      <c r="F27" s="7">
        <v>0</v>
      </c>
      <c r="G27" s="7">
        <v>7404821.2400000002</v>
      </c>
      <c r="H27" s="7">
        <v>0</v>
      </c>
      <c r="I27" s="7">
        <v>0</v>
      </c>
      <c r="J27" s="7">
        <v>0</v>
      </c>
      <c r="K27" s="7">
        <v>0</v>
      </c>
      <c r="L27" s="7">
        <v>0</v>
      </c>
      <c r="M27" s="7">
        <v>0</v>
      </c>
      <c r="N27" s="7">
        <v>7404821.2400000002</v>
      </c>
    </row>
    <row r="28" spans="1:14" x14ac:dyDescent="0.25">
      <c r="A28" s="3" t="s">
        <v>49</v>
      </c>
      <c r="B28" s="5" t="s">
        <v>809</v>
      </c>
      <c r="C28" s="6">
        <v>0</v>
      </c>
      <c r="D28" s="6">
        <v>3756738.66</v>
      </c>
      <c r="E28" s="6">
        <v>3756738.66</v>
      </c>
      <c r="F28" s="6">
        <v>0</v>
      </c>
      <c r="G28" s="6">
        <v>0</v>
      </c>
      <c r="H28" s="6">
        <v>0</v>
      </c>
      <c r="I28" s="6">
        <v>0</v>
      </c>
      <c r="J28" s="6">
        <v>0</v>
      </c>
      <c r="K28" s="6">
        <v>0</v>
      </c>
      <c r="L28" s="6">
        <v>0</v>
      </c>
      <c r="M28" s="6">
        <v>0</v>
      </c>
      <c r="N28" s="6">
        <v>0</v>
      </c>
    </row>
    <row r="29" spans="1:14" x14ac:dyDescent="0.25">
      <c r="A29" s="2" t="s">
        <v>51</v>
      </c>
      <c r="B29" s="4" t="s">
        <v>796</v>
      </c>
      <c r="C29" s="7">
        <v>0</v>
      </c>
      <c r="D29" s="7">
        <v>3756240.29</v>
      </c>
      <c r="E29" s="7">
        <v>3756240.29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  <c r="N29" s="7">
        <v>0</v>
      </c>
    </row>
    <row r="30" spans="1:14" x14ac:dyDescent="0.25">
      <c r="A30" s="2" t="s">
        <v>53</v>
      </c>
      <c r="B30" s="4" t="s">
        <v>797</v>
      </c>
      <c r="C30" s="7">
        <v>0</v>
      </c>
      <c r="D30" s="7">
        <v>498.37</v>
      </c>
      <c r="E30" s="7">
        <v>498.37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  <c r="N30" s="7">
        <v>0</v>
      </c>
    </row>
    <row r="31" spans="1:14" x14ac:dyDescent="0.25">
      <c r="A31" s="2" t="s">
        <v>55</v>
      </c>
      <c r="B31" s="4" t="s">
        <v>798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  <c r="N31" s="7">
        <v>0</v>
      </c>
    </row>
    <row r="32" spans="1:14" x14ac:dyDescent="0.25">
      <c r="A32" s="3" t="s">
        <v>57</v>
      </c>
      <c r="B32" s="5" t="s">
        <v>810</v>
      </c>
      <c r="C32" s="6">
        <v>54.82</v>
      </c>
      <c r="D32" s="6">
        <v>16618113.210000001</v>
      </c>
      <c r="E32" s="6">
        <v>16540587.300000001</v>
      </c>
      <c r="F32" s="6">
        <v>77525.91</v>
      </c>
      <c r="G32" s="6">
        <v>54.82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  <c r="N32" s="6">
        <v>54.82</v>
      </c>
    </row>
    <row r="33" spans="1:14" x14ac:dyDescent="0.25">
      <c r="A33" s="2" t="s">
        <v>59</v>
      </c>
      <c r="B33" s="4" t="s">
        <v>800</v>
      </c>
      <c r="C33" s="7">
        <v>54.82</v>
      </c>
      <c r="D33" s="7">
        <v>16618113.210000001</v>
      </c>
      <c r="E33" s="7">
        <v>16540587.300000001</v>
      </c>
      <c r="F33" s="7">
        <v>77525.91</v>
      </c>
      <c r="G33" s="7">
        <v>54.82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  <c r="N33" s="7">
        <v>54.82</v>
      </c>
    </row>
    <row r="34" spans="1:14" x14ac:dyDescent="0.25">
      <c r="A34" s="2" t="s">
        <v>61</v>
      </c>
      <c r="B34" s="4" t="s">
        <v>801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  <c r="N34" s="7">
        <v>0</v>
      </c>
    </row>
    <row r="35" spans="1:14" x14ac:dyDescent="0.25">
      <c r="A35" s="3" t="s">
        <v>63</v>
      </c>
      <c r="B35" s="5" t="s">
        <v>802</v>
      </c>
      <c r="C35" s="6">
        <v>0</v>
      </c>
      <c r="D35" s="6">
        <v>0</v>
      </c>
      <c r="E35" s="6">
        <v>0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  <c r="K35" s="6">
        <v>0</v>
      </c>
      <c r="L35" s="6">
        <v>0</v>
      </c>
      <c r="M35" s="6">
        <v>0</v>
      </c>
      <c r="N35" s="6">
        <v>0</v>
      </c>
    </row>
    <row r="36" spans="1:14" x14ac:dyDescent="0.25">
      <c r="A36" s="2" t="s">
        <v>65</v>
      </c>
      <c r="B36" s="4" t="s">
        <v>803</v>
      </c>
      <c r="C36" s="7">
        <v>0</v>
      </c>
      <c r="D36" s="7">
        <v>0</v>
      </c>
      <c r="E36" s="7">
        <v>0</v>
      </c>
      <c r="F36" s="7">
        <v>0</v>
      </c>
      <c r="G36" s="7">
        <v>0</v>
      </c>
      <c r="H36" s="7">
        <v>0</v>
      </c>
      <c r="I36" s="7">
        <v>0</v>
      </c>
      <c r="J36" s="7">
        <v>0</v>
      </c>
      <c r="K36" s="7">
        <v>0</v>
      </c>
      <c r="L36" s="7">
        <v>0</v>
      </c>
      <c r="M36" s="7">
        <v>0</v>
      </c>
      <c r="N36" s="7">
        <v>0</v>
      </c>
    </row>
    <row r="37" spans="1:14" x14ac:dyDescent="0.25">
      <c r="A37" s="2" t="s">
        <v>67</v>
      </c>
      <c r="B37" s="4" t="s">
        <v>804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  <c r="J37" s="7">
        <v>0</v>
      </c>
      <c r="K37" s="7">
        <v>0</v>
      </c>
      <c r="L37" s="7">
        <v>0</v>
      </c>
      <c r="M37" s="7">
        <v>0</v>
      </c>
      <c r="N37" s="7">
        <v>0</v>
      </c>
    </row>
    <row r="38" spans="1:14" x14ac:dyDescent="0.25">
      <c r="A38" s="2" t="s">
        <v>69</v>
      </c>
      <c r="B38" s="4" t="s">
        <v>805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  <c r="M38" s="7">
        <v>0</v>
      </c>
      <c r="N38" s="7">
        <v>0</v>
      </c>
    </row>
    <row r="39" spans="1:14" x14ac:dyDescent="0.25">
      <c r="A39" s="2" t="s">
        <v>71</v>
      </c>
      <c r="B39" s="4" t="s">
        <v>806</v>
      </c>
      <c r="C39" s="7">
        <v>0</v>
      </c>
      <c r="D39" s="7">
        <v>2237166.2799999998</v>
      </c>
      <c r="E39" s="7">
        <v>2237166.2799999998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</row>
    <row r="40" spans="1:14" x14ac:dyDescent="0.25">
      <c r="A40" s="3" t="s">
        <v>73</v>
      </c>
      <c r="B40" s="5" t="s">
        <v>811</v>
      </c>
      <c r="C40" s="6">
        <v>84104959.010000005</v>
      </c>
      <c r="D40" s="6">
        <v>314336966.77999997</v>
      </c>
      <c r="E40" s="6">
        <v>314406602.12</v>
      </c>
      <c r="F40" s="6">
        <v>1688158.05</v>
      </c>
      <c r="G40" s="6">
        <v>82347165.620000005</v>
      </c>
      <c r="H40" s="6">
        <v>64719138.039999999</v>
      </c>
      <c r="I40" s="6">
        <v>280946258.94</v>
      </c>
      <c r="J40" s="6">
        <v>165893866.03</v>
      </c>
      <c r="K40" s="6">
        <v>164653557.33000001</v>
      </c>
      <c r="L40" s="6">
        <v>34147819.799999997</v>
      </c>
      <c r="M40" s="6">
        <v>146864019.84999999</v>
      </c>
      <c r="N40" s="6">
        <v>229211185.47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topLeftCell="B154" workbookViewId="0">
      <selection activeCell="F171" sqref="F171"/>
    </sheetView>
  </sheetViews>
  <sheetFormatPr defaultRowHeight="15" x14ac:dyDescent="0.25"/>
  <cols>
    <col min="1" max="1" width="2.7109375" bestFit="1" customWidth="1"/>
    <col min="2" max="2" width="94.42578125" customWidth="1"/>
    <col min="3" max="3" width="20.5703125" bestFit="1" customWidth="1"/>
    <col min="4" max="4" width="19.42578125" bestFit="1" customWidth="1"/>
    <col min="5" max="6" width="19" bestFit="1" customWidth="1"/>
    <col min="7" max="7" width="1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812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813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814</v>
      </c>
      <c r="C10" s="8" t="s">
        <v>10</v>
      </c>
      <c r="D10" s="8" t="s">
        <v>554</v>
      </c>
    </row>
    <row r="11" spans="1:8" x14ac:dyDescent="0.25">
      <c r="A11" s="8" t="s">
        <v>7</v>
      </c>
      <c r="B11" s="8" t="s">
        <v>7</v>
      </c>
      <c r="C11" s="8" t="s">
        <v>7</v>
      </c>
      <c r="D11" s="8" t="s">
        <v>7</v>
      </c>
    </row>
    <row r="12" spans="1:8" x14ac:dyDescent="0.25">
      <c r="A12" s="3" t="s">
        <v>17</v>
      </c>
      <c r="B12" s="5" t="s">
        <v>815</v>
      </c>
      <c r="C12" s="6">
        <v>11960266900</v>
      </c>
      <c r="D12" s="6">
        <v>7289781578.8500004</v>
      </c>
    </row>
    <row r="13" spans="1:8" x14ac:dyDescent="0.25">
      <c r="A13" s="3" t="s">
        <v>19</v>
      </c>
      <c r="B13" s="5" t="s">
        <v>816</v>
      </c>
      <c r="C13" s="6">
        <v>10054096900</v>
      </c>
      <c r="D13" s="6">
        <v>5970739112.6000004</v>
      </c>
    </row>
    <row r="14" spans="1:8" x14ac:dyDescent="0.25">
      <c r="A14" s="2" t="s">
        <v>21</v>
      </c>
      <c r="B14" s="4" t="s">
        <v>817</v>
      </c>
      <c r="C14" s="7">
        <v>9969297400</v>
      </c>
      <c r="D14" s="7">
        <v>5922218476.6300001</v>
      </c>
    </row>
    <row r="15" spans="1:8" x14ac:dyDescent="0.25">
      <c r="A15" s="2" t="s">
        <v>23</v>
      </c>
      <c r="B15" s="4" t="s">
        <v>818</v>
      </c>
      <c r="C15" s="7">
        <v>84799500</v>
      </c>
      <c r="D15" s="7">
        <v>48520635.969999999</v>
      </c>
    </row>
    <row r="16" spans="1:8" x14ac:dyDescent="0.25">
      <c r="A16" s="2" t="s">
        <v>25</v>
      </c>
      <c r="B16" s="4" t="s">
        <v>819</v>
      </c>
      <c r="C16" s="7">
        <v>182844600</v>
      </c>
      <c r="D16" s="7">
        <v>155119690.24000001</v>
      </c>
    </row>
    <row r="17" spans="1:4" x14ac:dyDescent="0.25">
      <c r="A17" s="2" t="s">
        <v>27</v>
      </c>
      <c r="B17" s="4" t="s">
        <v>820</v>
      </c>
      <c r="C17" s="7">
        <v>730803700</v>
      </c>
      <c r="D17" s="7">
        <v>669560115.88</v>
      </c>
    </row>
    <row r="18" spans="1:4" x14ac:dyDescent="0.25">
      <c r="A18" s="2" t="s">
        <v>29</v>
      </c>
      <c r="B18" s="4" t="s">
        <v>821</v>
      </c>
      <c r="C18" s="7">
        <v>992521700</v>
      </c>
      <c r="D18" s="7">
        <v>494362660.13</v>
      </c>
    </row>
    <row r="19" spans="1:4" x14ac:dyDescent="0.25">
      <c r="A19" s="3" t="s">
        <v>31</v>
      </c>
      <c r="B19" s="5" t="s">
        <v>822</v>
      </c>
      <c r="C19" s="6">
        <v>1384235900</v>
      </c>
      <c r="D19" s="6">
        <v>928350798.52999997</v>
      </c>
    </row>
    <row r="20" spans="1:4" x14ac:dyDescent="0.25">
      <c r="A20" s="2" t="s">
        <v>33</v>
      </c>
      <c r="B20" s="4" t="s">
        <v>823</v>
      </c>
      <c r="C20" s="7">
        <v>1273744200</v>
      </c>
      <c r="D20" s="7">
        <v>859488081.86000001</v>
      </c>
    </row>
    <row r="21" spans="1:4" x14ac:dyDescent="0.25">
      <c r="A21" s="2" t="s">
        <v>35</v>
      </c>
      <c r="B21" s="4" t="s">
        <v>824</v>
      </c>
      <c r="C21" s="7">
        <v>110491700</v>
      </c>
      <c r="D21" s="7">
        <v>68862716.670000002</v>
      </c>
    </row>
    <row r="22" spans="1:4" x14ac:dyDescent="0.25">
      <c r="A22" s="2" t="s">
        <v>37</v>
      </c>
      <c r="B22" s="4" t="s">
        <v>825</v>
      </c>
      <c r="C22" s="7">
        <v>0</v>
      </c>
      <c r="D22" s="7">
        <v>0</v>
      </c>
    </row>
    <row r="23" spans="1:4" x14ac:dyDescent="0.25">
      <c r="A23" s="2" t="s">
        <v>39</v>
      </c>
      <c r="B23" s="4" t="s">
        <v>826</v>
      </c>
      <c r="C23" s="7">
        <v>0</v>
      </c>
      <c r="D23" s="7">
        <v>0</v>
      </c>
    </row>
    <row r="24" spans="1:4" x14ac:dyDescent="0.25">
      <c r="A24" s="3" t="s">
        <v>41</v>
      </c>
      <c r="B24" s="5" t="s">
        <v>827</v>
      </c>
      <c r="C24" s="6">
        <v>2885349100</v>
      </c>
      <c r="D24" s="6">
        <v>1832550356.2</v>
      </c>
    </row>
    <row r="25" spans="1:4" x14ac:dyDescent="0.25">
      <c r="A25" s="2" t="s">
        <v>43</v>
      </c>
      <c r="B25" s="4" t="s">
        <v>828</v>
      </c>
      <c r="C25" s="7">
        <v>2492324300</v>
      </c>
      <c r="D25" s="7">
        <v>1480554618.9300001</v>
      </c>
    </row>
    <row r="26" spans="1:4" x14ac:dyDescent="0.25">
      <c r="A26" s="2" t="s">
        <v>45</v>
      </c>
      <c r="B26" s="4" t="s">
        <v>829</v>
      </c>
      <c r="C26" s="7">
        <v>365401900</v>
      </c>
      <c r="D26" s="7">
        <v>334780058.14999998</v>
      </c>
    </row>
    <row r="27" spans="1:4" x14ac:dyDescent="0.25">
      <c r="A27" s="2" t="s">
        <v>47</v>
      </c>
      <c r="B27" s="4" t="s">
        <v>830</v>
      </c>
      <c r="C27" s="7">
        <v>27622900</v>
      </c>
      <c r="D27" s="7">
        <v>17215679.120000001</v>
      </c>
    </row>
    <row r="28" spans="1:4" x14ac:dyDescent="0.25">
      <c r="A28" s="3" t="s">
        <v>49</v>
      </c>
      <c r="B28" s="5" t="s">
        <v>831</v>
      </c>
      <c r="C28" s="6">
        <v>10459153700</v>
      </c>
      <c r="D28" s="6">
        <v>6385582021.1800003</v>
      </c>
    </row>
    <row r="30" spans="1:4" x14ac:dyDescent="0.25">
      <c r="A30" s="8" t="s">
        <v>6</v>
      </c>
      <c r="B30" s="8" t="s">
        <v>832</v>
      </c>
      <c r="C30" s="8" t="s">
        <v>10</v>
      </c>
      <c r="D30" s="8" t="s">
        <v>554</v>
      </c>
    </row>
    <row r="31" spans="1:4" x14ac:dyDescent="0.25">
      <c r="A31" s="8" t="s">
        <v>7</v>
      </c>
      <c r="B31" s="8" t="s">
        <v>7</v>
      </c>
      <c r="C31" s="8" t="s">
        <v>7</v>
      </c>
      <c r="D31" s="8" t="s">
        <v>7</v>
      </c>
    </row>
    <row r="32" spans="1:4" x14ac:dyDescent="0.25">
      <c r="A32" s="2" t="s">
        <v>51</v>
      </c>
      <c r="B32" s="4" t="s">
        <v>832</v>
      </c>
      <c r="C32" s="7">
        <v>1893326400</v>
      </c>
      <c r="D32" s="7">
        <v>1178243872.21</v>
      </c>
    </row>
    <row r="34" spans="1:4" x14ac:dyDescent="0.25">
      <c r="A34" s="8" t="s">
        <v>6</v>
      </c>
      <c r="B34" s="8" t="s">
        <v>833</v>
      </c>
      <c r="C34" s="8" t="s">
        <v>10</v>
      </c>
      <c r="D34" s="8" t="s">
        <v>554</v>
      </c>
    </row>
    <row r="35" spans="1:4" x14ac:dyDescent="0.25">
      <c r="A35" s="8" t="s">
        <v>7</v>
      </c>
      <c r="B35" s="8" t="s">
        <v>7</v>
      </c>
      <c r="C35" s="8" t="s">
        <v>7</v>
      </c>
      <c r="D35" s="8" t="s">
        <v>7</v>
      </c>
    </row>
    <row r="36" spans="1:4" x14ac:dyDescent="0.25">
      <c r="A36" s="2" t="s">
        <v>53</v>
      </c>
      <c r="B36" s="4" t="s">
        <v>833</v>
      </c>
      <c r="C36" s="7">
        <v>721462025</v>
      </c>
      <c r="D36" s="7">
        <v>418151633.07999998</v>
      </c>
    </row>
    <row r="38" spans="1:4" x14ac:dyDescent="0.25">
      <c r="A38" s="8" t="s">
        <v>6</v>
      </c>
      <c r="B38" s="8" t="s">
        <v>834</v>
      </c>
      <c r="C38" s="8" t="s">
        <v>10</v>
      </c>
      <c r="D38" s="8" t="s">
        <v>554</v>
      </c>
    </row>
    <row r="39" spans="1:4" x14ac:dyDescent="0.25">
      <c r="A39" s="8" t="s">
        <v>7</v>
      </c>
      <c r="B39" s="8" t="s">
        <v>7</v>
      </c>
      <c r="C39" s="8" t="s">
        <v>7</v>
      </c>
      <c r="D39" s="8" t="s">
        <v>7</v>
      </c>
    </row>
    <row r="40" spans="1:4" x14ac:dyDescent="0.25">
      <c r="A40" s="3" t="s">
        <v>55</v>
      </c>
      <c r="B40" s="5" t="s">
        <v>835</v>
      </c>
      <c r="C40" s="6">
        <v>1205818000</v>
      </c>
      <c r="D40" s="6">
        <v>671832800.69000006</v>
      </c>
    </row>
    <row r="41" spans="1:4" x14ac:dyDescent="0.25">
      <c r="A41" s="3" t="s">
        <v>57</v>
      </c>
      <c r="B41" s="5" t="s">
        <v>836</v>
      </c>
      <c r="C41" s="6">
        <v>1205818000</v>
      </c>
      <c r="D41" s="6">
        <v>671832800.69000006</v>
      </c>
    </row>
    <row r="42" spans="1:4" x14ac:dyDescent="0.25">
      <c r="A42" s="2" t="s">
        <v>59</v>
      </c>
      <c r="B42" s="4" t="s">
        <v>837</v>
      </c>
      <c r="C42" s="7">
        <v>1205818000</v>
      </c>
      <c r="D42" s="7">
        <v>670292763.00999999</v>
      </c>
    </row>
    <row r="43" spans="1:4" x14ac:dyDescent="0.25">
      <c r="A43" s="2" t="s">
        <v>61</v>
      </c>
      <c r="B43" s="4" t="s">
        <v>838</v>
      </c>
      <c r="C43" s="7">
        <v>0</v>
      </c>
      <c r="D43" s="7">
        <v>1540037.68</v>
      </c>
    </row>
    <row r="44" spans="1:4" x14ac:dyDescent="0.25">
      <c r="A44" s="3" t="s">
        <v>63</v>
      </c>
      <c r="B44" s="5" t="s">
        <v>839</v>
      </c>
      <c r="C44" s="6">
        <v>0</v>
      </c>
      <c r="D44" s="6">
        <v>0</v>
      </c>
    </row>
    <row r="45" spans="1:4" x14ac:dyDescent="0.25">
      <c r="A45" s="2" t="s">
        <v>65</v>
      </c>
      <c r="B45" s="4" t="s">
        <v>840</v>
      </c>
      <c r="C45" s="7">
        <v>0</v>
      </c>
      <c r="D45" s="7">
        <v>0</v>
      </c>
    </row>
    <row r="46" spans="1:4" x14ac:dyDescent="0.25">
      <c r="A46" s="2" t="s">
        <v>67</v>
      </c>
      <c r="B46" s="4" t="s">
        <v>841</v>
      </c>
      <c r="C46" s="7">
        <v>0</v>
      </c>
      <c r="D46" s="7">
        <v>0</v>
      </c>
    </row>
    <row r="47" spans="1:4" x14ac:dyDescent="0.25">
      <c r="A47" s="3" t="s">
        <v>69</v>
      </c>
      <c r="B47" s="5" t="s">
        <v>842</v>
      </c>
      <c r="C47" s="6">
        <v>0</v>
      </c>
      <c r="D47" s="6">
        <v>0</v>
      </c>
    </row>
    <row r="48" spans="1:4" x14ac:dyDescent="0.25">
      <c r="A48" s="2" t="s">
        <v>71</v>
      </c>
      <c r="B48" s="4" t="s">
        <v>843</v>
      </c>
      <c r="C48" s="7">
        <v>0</v>
      </c>
      <c r="D48" s="7">
        <v>0</v>
      </c>
    </row>
    <row r="49" spans="1:7" x14ac:dyDescent="0.25">
      <c r="A49" s="2" t="s">
        <v>73</v>
      </c>
      <c r="B49" s="4" t="s">
        <v>844</v>
      </c>
      <c r="C49" s="7">
        <v>0</v>
      </c>
      <c r="D49" s="7">
        <v>0</v>
      </c>
    </row>
    <row r="50" spans="1:7" x14ac:dyDescent="0.25">
      <c r="A50" s="2" t="s">
        <v>75</v>
      </c>
      <c r="B50" s="4" t="s">
        <v>845</v>
      </c>
      <c r="C50" s="7">
        <v>-687508400</v>
      </c>
      <c r="D50" s="7">
        <v>-507951109.19999999</v>
      </c>
    </row>
    <row r="52" spans="1:7" x14ac:dyDescent="0.25">
      <c r="A52" s="8" t="s">
        <v>6</v>
      </c>
      <c r="B52" s="8" t="s">
        <v>846</v>
      </c>
      <c r="C52" s="8" t="s">
        <v>728</v>
      </c>
    </row>
    <row r="53" spans="1:7" x14ac:dyDescent="0.25">
      <c r="A53" s="8" t="s">
        <v>7</v>
      </c>
      <c r="B53" s="8" t="s">
        <v>7</v>
      </c>
      <c r="C53" s="8" t="s">
        <v>7</v>
      </c>
    </row>
    <row r="54" spans="1:7" x14ac:dyDescent="0.25">
      <c r="A54" s="3" t="s">
        <v>77</v>
      </c>
      <c r="B54" s="5" t="s">
        <v>847</v>
      </c>
      <c r="C54" s="6">
        <v>17653177.280000001</v>
      </c>
    </row>
    <row r="55" spans="1:7" x14ac:dyDescent="0.25">
      <c r="A55" s="2" t="s">
        <v>79</v>
      </c>
      <c r="B55" s="4" t="s">
        <v>848</v>
      </c>
      <c r="C55" s="7">
        <v>17653177.280000001</v>
      </c>
    </row>
    <row r="56" spans="1:7" x14ac:dyDescent="0.25">
      <c r="A56" s="2" t="s">
        <v>81</v>
      </c>
      <c r="B56" s="4" t="s">
        <v>849</v>
      </c>
      <c r="C56" s="7">
        <v>0</v>
      </c>
    </row>
    <row r="58" spans="1:7" x14ac:dyDescent="0.25">
      <c r="A58" s="8" t="s">
        <v>6</v>
      </c>
      <c r="B58" s="8" t="s">
        <v>850</v>
      </c>
      <c r="C58" s="8" t="s">
        <v>728</v>
      </c>
    </row>
    <row r="59" spans="1:7" x14ac:dyDescent="0.25">
      <c r="A59" s="8" t="s">
        <v>7</v>
      </c>
      <c r="B59" s="8" t="s">
        <v>7</v>
      </c>
      <c r="C59" s="8" t="s">
        <v>7</v>
      </c>
    </row>
    <row r="60" spans="1:7" x14ac:dyDescent="0.25">
      <c r="A60" s="2" t="s">
        <v>83</v>
      </c>
      <c r="B60" s="4" t="s">
        <v>850</v>
      </c>
      <c r="C60" s="7">
        <v>689485977.97000003</v>
      </c>
    </row>
    <row r="62" spans="1:7" x14ac:dyDescent="0.25">
      <c r="A62" s="8" t="s">
        <v>6</v>
      </c>
      <c r="B62" s="8" t="s">
        <v>851</v>
      </c>
      <c r="C62" s="8" t="s">
        <v>576</v>
      </c>
      <c r="D62" s="8" t="s">
        <v>577</v>
      </c>
      <c r="E62" s="8" t="s">
        <v>578</v>
      </c>
      <c r="F62" s="8" t="s">
        <v>579</v>
      </c>
      <c r="G62" s="8" t="s">
        <v>852</v>
      </c>
    </row>
    <row r="63" spans="1:7" x14ac:dyDescent="0.25">
      <c r="A63" s="8" t="s">
        <v>7</v>
      </c>
      <c r="B63" s="8" t="s">
        <v>7</v>
      </c>
      <c r="C63" s="8" t="s">
        <v>7</v>
      </c>
      <c r="D63" s="8" t="s">
        <v>7</v>
      </c>
      <c r="E63" s="8" t="s">
        <v>7</v>
      </c>
      <c r="F63" s="8" t="s">
        <v>7</v>
      </c>
      <c r="G63" s="8" t="s">
        <v>7</v>
      </c>
    </row>
    <row r="64" spans="1:7" x14ac:dyDescent="0.25">
      <c r="A64" s="3" t="s">
        <v>85</v>
      </c>
      <c r="B64" s="5" t="s">
        <v>853</v>
      </c>
      <c r="C64" s="6">
        <v>1186386000</v>
      </c>
      <c r="D64" s="6">
        <v>608261779.71000004</v>
      </c>
      <c r="E64" s="6">
        <v>589724947.76999998</v>
      </c>
      <c r="F64" s="6">
        <v>514216327.06999999</v>
      </c>
      <c r="G64" s="6">
        <v>0</v>
      </c>
    </row>
    <row r="65" spans="1:7" x14ac:dyDescent="0.25">
      <c r="A65" s="2" t="s">
        <v>87</v>
      </c>
      <c r="B65" s="4" t="s">
        <v>854</v>
      </c>
      <c r="C65" s="7">
        <v>474554400</v>
      </c>
      <c r="D65" s="7">
        <v>243304711.88</v>
      </c>
      <c r="E65" s="7">
        <v>235889979.11000001</v>
      </c>
      <c r="F65" s="7">
        <v>205686530.83000001</v>
      </c>
      <c r="G65" s="7">
        <v>0</v>
      </c>
    </row>
    <row r="66" spans="1:7" x14ac:dyDescent="0.25">
      <c r="A66" s="2" t="s">
        <v>89</v>
      </c>
      <c r="B66" s="4" t="s">
        <v>855</v>
      </c>
      <c r="C66" s="7">
        <v>711831600</v>
      </c>
      <c r="D66" s="7">
        <v>364957067.82999998</v>
      </c>
      <c r="E66" s="7">
        <v>353834968.66000003</v>
      </c>
      <c r="F66" s="7">
        <v>308529796.24000001</v>
      </c>
      <c r="G66" s="7">
        <v>0</v>
      </c>
    </row>
    <row r="67" spans="1:7" x14ac:dyDescent="0.25">
      <c r="A67" s="3" t="s">
        <v>91</v>
      </c>
      <c r="B67" s="5" t="s">
        <v>856</v>
      </c>
      <c r="C67" s="6">
        <v>19432000</v>
      </c>
      <c r="D67" s="6">
        <v>6700871.79</v>
      </c>
      <c r="E67" s="6">
        <v>6188164.2699999996</v>
      </c>
      <c r="F67" s="6">
        <v>5428236.0899999999</v>
      </c>
      <c r="G67" s="6">
        <v>0</v>
      </c>
    </row>
    <row r="68" spans="1:7" x14ac:dyDescent="0.25">
      <c r="A68" s="2" t="s">
        <v>93</v>
      </c>
      <c r="B68" s="4" t="s">
        <v>857</v>
      </c>
      <c r="C68" s="7">
        <v>7772800</v>
      </c>
      <c r="D68" s="7">
        <v>2680348.7200000002</v>
      </c>
      <c r="E68" s="7">
        <v>2475265.71</v>
      </c>
      <c r="F68" s="7">
        <v>2171294.44</v>
      </c>
      <c r="G68" s="7">
        <v>0</v>
      </c>
    </row>
    <row r="69" spans="1:7" x14ac:dyDescent="0.25">
      <c r="A69" s="2" t="s">
        <v>95</v>
      </c>
      <c r="B69" s="4" t="s">
        <v>858</v>
      </c>
      <c r="C69" s="7">
        <v>11659200</v>
      </c>
      <c r="D69" s="7">
        <v>4020523.07</v>
      </c>
      <c r="E69" s="7">
        <v>3712898.56</v>
      </c>
      <c r="F69" s="7">
        <v>3256941.65</v>
      </c>
      <c r="G69" s="7">
        <v>0</v>
      </c>
    </row>
    <row r="70" spans="1:7" x14ac:dyDescent="0.25">
      <c r="A70" s="3" t="s">
        <v>97</v>
      </c>
      <c r="B70" s="5" t="s">
        <v>859</v>
      </c>
      <c r="C70" s="6">
        <v>1205818000</v>
      </c>
      <c r="D70" s="6">
        <v>614962651.5</v>
      </c>
      <c r="E70" s="6">
        <v>595913112.03999996</v>
      </c>
      <c r="F70" s="6">
        <v>519644563.16000003</v>
      </c>
      <c r="G70" s="6">
        <v>0</v>
      </c>
    </row>
    <row r="72" spans="1:7" x14ac:dyDescent="0.25">
      <c r="A72" s="8" t="s">
        <v>6</v>
      </c>
      <c r="B72" s="8" t="s">
        <v>860</v>
      </c>
      <c r="C72" s="8" t="s">
        <v>577</v>
      </c>
      <c r="D72" s="8" t="s">
        <v>578</v>
      </c>
      <c r="E72" s="8" t="s">
        <v>579</v>
      </c>
      <c r="F72" s="8" t="s">
        <v>852</v>
      </c>
      <c r="G72" s="8" t="s">
        <v>861</v>
      </c>
    </row>
    <row r="73" spans="1:7" x14ac:dyDescent="0.25">
      <c r="A73" s="8" t="s">
        <v>7</v>
      </c>
      <c r="B73" s="8" t="s">
        <v>7</v>
      </c>
      <c r="C73" s="8" t="s">
        <v>7</v>
      </c>
      <c r="D73" s="8" t="s">
        <v>7</v>
      </c>
      <c r="E73" s="8" t="s">
        <v>7</v>
      </c>
      <c r="F73" s="8" t="s">
        <v>7</v>
      </c>
      <c r="G73" s="8" t="s">
        <v>7</v>
      </c>
    </row>
    <row r="74" spans="1:7" x14ac:dyDescent="0.25">
      <c r="A74" s="2" t="s">
        <v>99</v>
      </c>
      <c r="B74" s="4" t="s">
        <v>862</v>
      </c>
      <c r="C74" s="7">
        <v>608261779.71000004</v>
      </c>
      <c r="D74" s="7">
        <v>589724947.76999998</v>
      </c>
      <c r="E74" s="7">
        <v>514216327.06999999</v>
      </c>
      <c r="F74" s="7">
        <v>0</v>
      </c>
      <c r="G74" s="7">
        <v>0</v>
      </c>
    </row>
    <row r="75" spans="1:7" x14ac:dyDescent="0.25">
      <c r="A75" s="2" t="s">
        <v>101</v>
      </c>
      <c r="B75" s="4" t="s">
        <v>863</v>
      </c>
      <c r="C75" s="7">
        <v>614962651.5</v>
      </c>
      <c r="D75" s="7">
        <v>595913112.03999996</v>
      </c>
      <c r="E75" s="7">
        <v>519644563.16000003</v>
      </c>
      <c r="F75" s="7">
        <v>0</v>
      </c>
      <c r="G75" s="7">
        <v>0</v>
      </c>
    </row>
    <row r="76" spans="1:7" x14ac:dyDescent="0.25">
      <c r="A76" s="2" t="s">
        <v>103</v>
      </c>
      <c r="B76" s="4" t="s">
        <v>864</v>
      </c>
      <c r="C76" s="7">
        <v>0</v>
      </c>
      <c r="D76" s="7">
        <v>0</v>
      </c>
      <c r="E76" s="7">
        <v>0</v>
      </c>
      <c r="F76" s="7">
        <v>0</v>
      </c>
      <c r="G76" s="7">
        <v>0</v>
      </c>
    </row>
    <row r="77" spans="1:7" x14ac:dyDescent="0.25">
      <c r="A77" s="2" t="s">
        <v>105</v>
      </c>
      <c r="B77" s="4" t="s">
        <v>865</v>
      </c>
      <c r="C77" s="7">
        <v>0</v>
      </c>
      <c r="D77" s="7">
        <v>0</v>
      </c>
      <c r="E77" s="7">
        <v>0</v>
      </c>
      <c r="F77" s="7">
        <v>0</v>
      </c>
      <c r="G77" s="7">
        <v>0</v>
      </c>
    </row>
    <row r="78" spans="1:7" x14ac:dyDescent="0.25">
      <c r="A78" s="2" t="s">
        <v>107</v>
      </c>
      <c r="B78" s="4" t="s">
        <v>866</v>
      </c>
      <c r="C78" s="7">
        <v>0</v>
      </c>
      <c r="D78" s="7">
        <v>0</v>
      </c>
      <c r="E78" s="7">
        <v>0</v>
      </c>
      <c r="F78" s="7">
        <v>0</v>
      </c>
      <c r="G78" s="7">
        <v>0</v>
      </c>
    </row>
    <row r="80" spans="1:7" x14ac:dyDescent="0.25">
      <c r="A80" s="8" t="s">
        <v>6</v>
      </c>
      <c r="B80" s="8" t="s">
        <v>867</v>
      </c>
      <c r="C80" s="8" t="s">
        <v>868</v>
      </c>
      <c r="D80" s="8" t="s">
        <v>869</v>
      </c>
      <c r="E80" s="8" t="s">
        <v>870</v>
      </c>
      <c r="F80" s="8" t="s">
        <v>871</v>
      </c>
    </row>
    <row r="81" spans="1:8" x14ac:dyDescent="0.25">
      <c r="A81" s="8" t="s">
        <v>7</v>
      </c>
      <c r="B81" s="8" t="s">
        <v>7</v>
      </c>
      <c r="C81" s="8" t="s">
        <v>7</v>
      </c>
      <c r="D81" s="8" t="s">
        <v>7</v>
      </c>
      <c r="E81" s="8" t="s">
        <v>7</v>
      </c>
      <c r="F81" s="8" t="s">
        <v>7</v>
      </c>
    </row>
    <row r="82" spans="1:8" x14ac:dyDescent="0.25">
      <c r="A82" s="2" t="s">
        <v>109</v>
      </c>
      <c r="B82" s="4" t="s">
        <v>872</v>
      </c>
      <c r="C82" s="7">
        <v>470282960.48000002</v>
      </c>
      <c r="D82" s="7">
        <v>608261779.71000004</v>
      </c>
      <c r="E82" s="7">
        <v>608261779.71000004</v>
      </c>
      <c r="F82" s="7">
        <v>90.54</v>
      </c>
    </row>
    <row r="83" spans="1:8" x14ac:dyDescent="0.25">
      <c r="A83" s="2" t="s">
        <v>111</v>
      </c>
      <c r="B83" s="4" t="s">
        <v>873</v>
      </c>
      <c r="C83" s="7">
        <v>0</v>
      </c>
      <c r="D83" s="7">
        <v>0</v>
      </c>
      <c r="E83" s="7">
        <v>0</v>
      </c>
      <c r="F83" s="7">
        <v>0</v>
      </c>
    </row>
    <row r="85" spans="1:8" x14ac:dyDescent="0.25">
      <c r="A85" s="8" t="s">
        <v>6</v>
      </c>
      <c r="B85" s="8" t="s">
        <v>874</v>
      </c>
      <c r="C85" s="8" t="s">
        <v>875</v>
      </c>
      <c r="D85" s="8" t="s">
        <v>876</v>
      </c>
      <c r="E85" s="8" t="s">
        <v>877</v>
      </c>
      <c r="F85" s="8" t="s">
        <v>878</v>
      </c>
    </row>
    <row r="86" spans="1:8" x14ac:dyDescent="0.25">
      <c r="A86" s="8" t="s">
        <v>7</v>
      </c>
      <c r="B86" s="8" t="s">
        <v>7</v>
      </c>
      <c r="C86" s="8" t="s">
        <v>7</v>
      </c>
      <c r="D86" s="8" t="s">
        <v>7</v>
      </c>
      <c r="E86" s="8" t="s">
        <v>7</v>
      </c>
      <c r="F86" s="8" t="s">
        <v>7</v>
      </c>
    </row>
    <row r="87" spans="1:8" x14ac:dyDescent="0.25">
      <c r="A87" s="2" t="s">
        <v>113</v>
      </c>
      <c r="B87" s="4" t="s">
        <v>879</v>
      </c>
      <c r="C87" s="7">
        <v>67183280.069999993</v>
      </c>
      <c r="D87" s="7">
        <v>56870149.189999998</v>
      </c>
      <c r="E87" s="7">
        <v>56870149.189999998</v>
      </c>
      <c r="F87" s="7">
        <v>8.4600000000000009</v>
      </c>
    </row>
    <row r="89" spans="1:8" x14ac:dyDescent="0.25">
      <c r="A89" s="8" t="s">
        <v>6</v>
      </c>
      <c r="B89" s="8" t="s">
        <v>880</v>
      </c>
      <c r="C89" s="8" t="s">
        <v>881</v>
      </c>
      <c r="D89" s="8" t="s">
        <v>882</v>
      </c>
      <c r="E89" s="8" t="s">
        <v>883</v>
      </c>
      <c r="F89" s="8" t="s">
        <v>884</v>
      </c>
      <c r="G89" s="8" t="s">
        <v>885</v>
      </c>
      <c r="H89" s="8" t="s">
        <v>886</v>
      </c>
    </row>
    <row r="90" spans="1:8" x14ac:dyDescent="0.25">
      <c r="A90" s="8" t="s">
        <v>7</v>
      </c>
      <c r="B90" s="8" t="s">
        <v>7</v>
      </c>
      <c r="C90" s="8" t="s">
        <v>7</v>
      </c>
      <c r="D90" s="8" t="s">
        <v>7</v>
      </c>
      <c r="E90" s="8" t="s">
        <v>7</v>
      </c>
      <c r="F90" s="8" t="s">
        <v>7</v>
      </c>
      <c r="G90" s="8" t="s">
        <v>7</v>
      </c>
      <c r="H90" s="8" t="s">
        <v>7</v>
      </c>
    </row>
    <row r="91" spans="1:8" x14ac:dyDescent="0.25">
      <c r="A91" s="3" t="s">
        <v>115</v>
      </c>
      <c r="B91" s="5" t="s">
        <v>887</v>
      </c>
      <c r="C91" s="6">
        <v>56832221.840000004</v>
      </c>
      <c r="D91" s="6">
        <v>17653177.280000001</v>
      </c>
      <c r="E91" s="6">
        <v>17653177.280000001</v>
      </c>
      <c r="F91" s="6">
        <v>0</v>
      </c>
      <c r="G91" s="6">
        <v>0</v>
      </c>
      <c r="H91" s="6">
        <v>0</v>
      </c>
    </row>
    <row r="92" spans="1:8" x14ac:dyDescent="0.25">
      <c r="A92" s="2" t="s">
        <v>117</v>
      </c>
      <c r="B92" s="4" t="s">
        <v>888</v>
      </c>
      <c r="C92" s="7">
        <v>56832221.840000004</v>
      </c>
      <c r="D92" s="7">
        <v>17653177.280000001</v>
      </c>
      <c r="E92" s="7">
        <v>17653177.280000001</v>
      </c>
      <c r="F92" s="7">
        <v>0</v>
      </c>
      <c r="G92" s="7">
        <v>0</v>
      </c>
      <c r="H92" s="7">
        <v>0</v>
      </c>
    </row>
    <row r="93" spans="1:8" x14ac:dyDescent="0.25">
      <c r="A93" s="2" t="s">
        <v>119</v>
      </c>
      <c r="B93" s="4" t="s">
        <v>889</v>
      </c>
      <c r="C93" s="7">
        <v>0</v>
      </c>
      <c r="D93" s="7">
        <v>0</v>
      </c>
      <c r="E93" s="7">
        <v>0</v>
      </c>
      <c r="F93" s="7">
        <v>0</v>
      </c>
      <c r="G93" s="7">
        <v>0</v>
      </c>
      <c r="H93" s="7">
        <v>0</v>
      </c>
    </row>
    <row r="95" spans="1:8" x14ac:dyDescent="0.25">
      <c r="A95" s="8" t="s">
        <v>6</v>
      </c>
      <c r="B95" s="8" t="s">
        <v>890</v>
      </c>
      <c r="C95" s="8" t="s">
        <v>576</v>
      </c>
      <c r="D95" s="8" t="s">
        <v>577</v>
      </c>
      <c r="E95" s="8" t="s">
        <v>578</v>
      </c>
      <c r="F95" s="8" t="s">
        <v>579</v>
      </c>
      <c r="G95" s="8" t="s">
        <v>852</v>
      </c>
    </row>
    <row r="96" spans="1:8" x14ac:dyDescent="0.25">
      <c r="A96" s="8" t="s">
        <v>7</v>
      </c>
      <c r="B96" s="8" t="s">
        <v>7</v>
      </c>
      <c r="C96" s="8" t="s">
        <v>7</v>
      </c>
      <c r="D96" s="8" t="s">
        <v>7</v>
      </c>
      <c r="E96" s="8" t="s">
        <v>7</v>
      </c>
      <c r="F96" s="8" t="s">
        <v>7</v>
      </c>
      <c r="G96" s="8" t="s">
        <v>7</v>
      </c>
    </row>
    <row r="97" spans="1:7" x14ac:dyDescent="0.25">
      <c r="A97" s="3" t="s">
        <v>120</v>
      </c>
      <c r="B97" s="5" t="s">
        <v>891</v>
      </c>
      <c r="C97" s="6">
        <v>0</v>
      </c>
      <c r="D97" s="6">
        <v>0</v>
      </c>
      <c r="E97" s="6">
        <v>0</v>
      </c>
      <c r="F97" s="6">
        <v>0</v>
      </c>
      <c r="G97" s="6">
        <v>0</v>
      </c>
    </row>
    <row r="98" spans="1:7" x14ac:dyDescent="0.25">
      <c r="A98" s="2" t="s">
        <v>121</v>
      </c>
      <c r="B98" s="4" t="s">
        <v>892</v>
      </c>
      <c r="C98" s="7">
        <v>0</v>
      </c>
      <c r="D98" s="7">
        <v>0</v>
      </c>
      <c r="E98" s="7">
        <v>0</v>
      </c>
      <c r="F98" s="7">
        <v>0</v>
      </c>
      <c r="G98" s="7">
        <v>0</v>
      </c>
    </row>
    <row r="99" spans="1:7" x14ac:dyDescent="0.25">
      <c r="A99" s="2" t="s">
        <v>122</v>
      </c>
      <c r="B99" s="4" t="s">
        <v>893</v>
      </c>
      <c r="C99" s="7">
        <v>0</v>
      </c>
      <c r="D99" s="7">
        <v>0</v>
      </c>
      <c r="E99" s="7">
        <v>0</v>
      </c>
      <c r="F99" s="7">
        <v>0</v>
      </c>
      <c r="G99" s="7">
        <v>0</v>
      </c>
    </row>
    <row r="100" spans="1:7" x14ac:dyDescent="0.25">
      <c r="A100" s="2" t="s">
        <v>123</v>
      </c>
      <c r="B100" s="4" t="s">
        <v>894</v>
      </c>
      <c r="C100" s="7">
        <v>47037187</v>
      </c>
      <c r="D100" s="7">
        <v>14053307.74</v>
      </c>
      <c r="E100" s="7">
        <v>13345314.539999999</v>
      </c>
      <c r="F100" s="7">
        <v>13316287.199999999</v>
      </c>
      <c r="G100" s="7">
        <v>0</v>
      </c>
    </row>
    <row r="101" spans="1:7" x14ac:dyDescent="0.25">
      <c r="A101" s="2" t="s">
        <v>124</v>
      </c>
      <c r="B101" s="4" t="s">
        <v>895</v>
      </c>
      <c r="C101" s="7">
        <v>918565213</v>
      </c>
      <c r="D101" s="7">
        <v>561771086.50999999</v>
      </c>
      <c r="E101" s="7">
        <v>458922916.93000001</v>
      </c>
      <c r="F101" s="7">
        <v>371553399.89999998</v>
      </c>
      <c r="G101" s="7">
        <v>0</v>
      </c>
    </row>
    <row r="102" spans="1:7" x14ac:dyDescent="0.25">
      <c r="A102" s="2" t="s">
        <v>125</v>
      </c>
      <c r="B102" s="4" t="s">
        <v>896</v>
      </c>
      <c r="C102" s="7">
        <v>250384700</v>
      </c>
      <c r="D102" s="7">
        <v>123850700.39</v>
      </c>
      <c r="E102" s="7">
        <v>119758287.91</v>
      </c>
      <c r="F102" s="7">
        <v>111253137.61</v>
      </c>
      <c r="G102" s="7">
        <v>0</v>
      </c>
    </row>
    <row r="103" spans="1:7" x14ac:dyDescent="0.25">
      <c r="A103" s="2" t="s">
        <v>126</v>
      </c>
      <c r="B103" s="4" t="s">
        <v>897</v>
      </c>
      <c r="C103" s="7">
        <v>397600</v>
      </c>
      <c r="D103" s="7">
        <v>259350.13</v>
      </c>
      <c r="E103" s="7">
        <v>127169.2</v>
      </c>
      <c r="F103" s="7">
        <v>127169.2</v>
      </c>
      <c r="G103" s="7">
        <v>0</v>
      </c>
    </row>
    <row r="104" spans="1:7" x14ac:dyDescent="0.25">
      <c r="A104" s="3" t="s">
        <v>127</v>
      </c>
      <c r="B104" s="5" t="s">
        <v>898</v>
      </c>
      <c r="C104" s="6">
        <v>1216384700</v>
      </c>
      <c r="D104" s="6">
        <v>699934444.76999998</v>
      </c>
      <c r="E104" s="6">
        <v>592153688.58000004</v>
      </c>
      <c r="F104" s="6">
        <v>496249993.91000003</v>
      </c>
      <c r="G104" s="6">
        <v>0</v>
      </c>
    </row>
    <row r="106" spans="1:7" x14ac:dyDescent="0.25">
      <c r="A106" s="8" t="s">
        <v>6</v>
      </c>
      <c r="B106" s="8" t="s">
        <v>899</v>
      </c>
      <c r="C106" s="8" t="s">
        <v>728</v>
      </c>
    </row>
    <row r="107" spans="1:7" x14ac:dyDescent="0.25">
      <c r="A107" s="8" t="s">
        <v>7</v>
      </c>
      <c r="B107" s="8" t="s">
        <v>7</v>
      </c>
      <c r="C107" s="8" t="s">
        <v>7</v>
      </c>
    </row>
    <row r="108" spans="1:7" x14ac:dyDescent="0.25">
      <c r="A108" s="2" t="s">
        <v>129</v>
      </c>
      <c r="B108" s="4" t="s">
        <v>900</v>
      </c>
      <c r="C108" s="7">
        <v>1188066800.6199999</v>
      </c>
    </row>
    <row r="109" spans="1:7" x14ac:dyDescent="0.25">
      <c r="A109" s="2" t="s">
        <v>131</v>
      </c>
      <c r="B109" s="4" t="s">
        <v>901</v>
      </c>
      <c r="C109" s="7">
        <v>-507951109.19999999</v>
      </c>
    </row>
    <row r="110" spans="1:7" x14ac:dyDescent="0.25">
      <c r="A110" s="2" t="s">
        <v>133</v>
      </c>
      <c r="B110" s="4" t="s">
        <v>902</v>
      </c>
      <c r="C110" s="7">
        <v>0</v>
      </c>
    </row>
    <row r="111" spans="1:7" x14ac:dyDescent="0.25">
      <c r="A111" s="2" t="s">
        <v>135</v>
      </c>
      <c r="B111" s="4" t="s">
        <v>903</v>
      </c>
      <c r="C111" s="7">
        <v>0</v>
      </c>
    </row>
    <row r="112" spans="1:7" x14ac:dyDescent="0.25">
      <c r="A112" s="2" t="s">
        <v>137</v>
      </c>
      <c r="B112" s="4" t="s">
        <v>904</v>
      </c>
      <c r="C112" s="7">
        <v>518928.41</v>
      </c>
    </row>
    <row r="113" spans="1:7" x14ac:dyDescent="0.25">
      <c r="A113" s="3" t="s">
        <v>139</v>
      </c>
      <c r="B113" s="5" t="s">
        <v>905</v>
      </c>
      <c r="C113" s="6">
        <v>1695498981.4100001</v>
      </c>
    </row>
    <row r="115" spans="1:7" x14ac:dyDescent="0.25">
      <c r="A115" s="8" t="s">
        <v>6</v>
      </c>
      <c r="B115" s="8" t="s">
        <v>906</v>
      </c>
      <c r="C115" s="8" t="s">
        <v>907</v>
      </c>
      <c r="D115" s="8" t="s">
        <v>908</v>
      </c>
      <c r="E115" s="8" t="s">
        <v>909</v>
      </c>
    </row>
    <row r="116" spans="1:7" x14ac:dyDescent="0.25">
      <c r="A116" s="8" t="s">
        <v>7</v>
      </c>
      <c r="B116" s="8" t="s">
        <v>7</v>
      </c>
      <c r="C116" s="8" t="s">
        <v>7</v>
      </c>
      <c r="D116" s="8" t="s">
        <v>7</v>
      </c>
      <c r="E116" s="8" t="s">
        <v>7</v>
      </c>
    </row>
    <row r="117" spans="1:7" x14ac:dyDescent="0.25">
      <c r="A117" s="2" t="s">
        <v>141</v>
      </c>
      <c r="B117" s="4" t="s">
        <v>910</v>
      </c>
      <c r="C117" s="7">
        <v>1596395505.29</v>
      </c>
      <c r="D117" s="7">
        <v>1695498981.4100001</v>
      </c>
      <c r="E117" s="7">
        <v>26.55</v>
      </c>
    </row>
    <row r="119" spans="1:7" x14ac:dyDescent="0.25">
      <c r="A119" s="8" t="s">
        <v>6</v>
      </c>
      <c r="B119" s="8" t="s">
        <v>911</v>
      </c>
      <c r="C119" s="8" t="s">
        <v>912</v>
      </c>
      <c r="D119" s="8" t="s">
        <v>913</v>
      </c>
      <c r="E119" s="8" t="s">
        <v>914</v>
      </c>
      <c r="F119" s="8" t="s">
        <v>915</v>
      </c>
      <c r="G119" s="8" t="s">
        <v>916</v>
      </c>
    </row>
    <row r="120" spans="1:7" x14ac:dyDescent="0.25">
      <c r="A120" s="8" t="s">
        <v>7</v>
      </c>
      <c r="B120" s="8" t="s">
        <v>7</v>
      </c>
      <c r="C120" s="8" t="s">
        <v>7</v>
      </c>
      <c r="D120" s="8" t="s">
        <v>7</v>
      </c>
      <c r="E120" s="8" t="s">
        <v>7</v>
      </c>
      <c r="F120" s="8" t="s">
        <v>7</v>
      </c>
      <c r="G120" s="8" t="s">
        <v>7</v>
      </c>
    </row>
    <row r="121" spans="1:7" x14ac:dyDescent="0.25">
      <c r="A121" s="3" t="s">
        <v>143</v>
      </c>
      <c r="B121" s="5" t="s">
        <v>917</v>
      </c>
      <c r="C121" s="6">
        <v>98923969.840000004</v>
      </c>
      <c r="D121" s="6">
        <v>0</v>
      </c>
      <c r="E121" s="6">
        <v>91028169.640000001</v>
      </c>
      <c r="F121" s="6">
        <v>518928.41</v>
      </c>
      <c r="G121" s="6">
        <v>7376871.79</v>
      </c>
    </row>
    <row r="122" spans="1:7" x14ac:dyDescent="0.25">
      <c r="A122" s="2" t="s">
        <v>145</v>
      </c>
      <c r="B122" s="4" t="s">
        <v>918</v>
      </c>
      <c r="C122" s="7">
        <v>96435930.469999999</v>
      </c>
      <c r="D122" s="7">
        <v>0</v>
      </c>
      <c r="E122" s="7">
        <v>88540130.269999996</v>
      </c>
      <c r="F122" s="7">
        <v>518928.41</v>
      </c>
      <c r="G122" s="7">
        <v>7376871.79</v>
      </c>
    </row>
    <row r="123" spans="1:7" x14ac:dyDescent="0.25">
      <c r="A123" s="2" t="s">
        <v>147</v>
      </c>
      <c r="B123" s="4" t="s">
        <v>919</v>
      </c>
      <c r="C123" s="7">
        <v>2488039.37</v>
      </c>
      <c r="D123" s="7">
        <v>0</v>
      </c>
      <c r="E123" s="7">
        <v>2488039.37</v>
      </c>
      <c r="F123" s="7">
        <v>0</v>
      </c>
      <c r="G123" s="7">
        <v>0</v>
      </c>
    </row>
    <row r="124" spans="1:7" x14ac:dyDescent="0.25">
      <c r="A124" s="2" t="s">
        <v>149</v>
      </c>
      <c r="B124" s="4" t="s">
        <v>920</v>
      </c>
      <c r="C124" s="7">
        <v>0</v>
      </c>
      <c r="D124" s="7">
        <v>0</v>
      </c>
      <c r="E124" s="7">
        <v>0</v>
      </c>
      <c r="F124" s="7">
        <v>0</v>
      </c>
      <c r="G124" s="7">
        <v>0</v>
      </c>
    </row>
    <row r="126" spans="1:7" x14ac:dyDescent="0.25">
      <c r="A126" s="8" t="s">
        <v>6</v>
      </c>
      <c r="B126" s="8" t="s">
        <v>921</v>
      </c>
      <c r="C126" s="8" t="s">
        <v>10</v>
      </c>
      <c r="D126" s="8" t="s">
        <v>554</v>
      </c>
    </row>
    <row r="127" spans="1:7" x14ac:dyDescent="0.25">
      <c r="A127" s="8" t="s">
        <v>7</v>
      </c>
      <c r="B127" s="8" t="s">
        <v>7</v>
      </c>
      <c r="C127" s="8" t="s">
        <v>7</v>
      </c>
      <c r="D127" s="8" t="s">
        <v>7</v>
      </c>
    </row>
    <row r="128" spans="1:7" x14ac:dyDescent="0.25">
      <c r="A128" s="3" t="s">
        <v>151</v>
      </c>
      <c r="B128" s="5" t="s">
        <v>922</v>
      </c>
      <c r="C128" s="6">
        <v>166126000</v>
      </c>
      <c r="D128" s="6">
        <v>31630718.379999999</v>
      </c>
    </row>
    <row r="129" spans="1:7" x14ac:dyDescent="0.25">
      <c r="A129" s="2" t="s">
        <v>152</v>
      </c>
      <c r="B129" s="4" t="s">
        <v>923</v>
      </c>
      <c r="C129" s="7">
        <v>73336200</v>
      </c>
      <c r="D129" s="7">
        <v>20318698.16</v>
      </c>
    </row>
    <row r="130" spans="1:7" x14ac:dyDescent="0.25">
      <c r="A130" s="2" t="s">
        <v>153</v>
      </c>
      <c r="B130" s="4" t="s">
        <v>924</v>
      </c>
      <c r="C130" s="7">
        <v>0</v>
      </c>
      <c r="D130" s="7">
        <v>41080.620000000003</v>
      </c>
    </row>
    <row r="131" spans="1:7" x14ac:dyDescent="0.25">
      <c r="A131" s="2" t="s">
        <v>155</v>
      </c>
      <c r="B131" s="4" t="s">
        <v>925</v>
      </c>
      <c r="C131" s="7">
        <v>18000000</v>
      </c>
      <c r="D131" s="7">
        <v>11270939.6</v>
      </c>
    </row>
    <row r="132" spans="1:7" x14ac:dyDescent="0.25">
      <c r="A132" s="2" t="s">
        <v>157</v>
      </c>
      <c r="B132" s="4" t="s">
        <v>926</v>
      </c>
      <c r="C132" s="7">
        <v>0</v>
      </c>
      <c r="D132" s="7">
        <v>0</v>
      </c>
    </row>
    <row r="133" spans="1:7" x14ac:dyDescent="0.25">
      <c r="A133" s="2" t="s">
        <v>159</v>
      </c>
      <c r="B133" s="4" t="s">
        <v>927</v>
      </c>
      <c r="C133" s="7">
        <v>74789800</v>
      </c>
      <c r="D133" s="7">
        <v>0</v>
      </c>
    </row>
    <row r="134" spans="1:7" x14ac:dyDescent="0.25">
      <c r="A134" s="2" t="s">
        <v>161</v>
      </c>
      <c r="B134" s="4" t="s">
        <v>928</v>
      </c>
      <c r="C134" s="7">
        <v>121859400</v>
      </c>
      <c r="D134" s="7">
        <v>20869549</v>
      </c>
    </row>
    <row r="135" spans="1:7" x14ac:dyDescent="0.25">
      <c r="A135" s="2" t="s">
        <v>163</v>
      </c>
      <c r="B135" s="4" t="s">
        <v>929</v>
      </c>
      <c r="C135" s="7">
        <v>0</v>
      </c>
      <c r="D135" s="7">
        <v>0</v>
      </c>
    </row>
    <row r="136" spans="1:7" x14ac:dyDescent="0.25">
      <c r="A136" s="2" t="s">
        <v>176</v>
      </c>
      <c r="B136" s="4" t="s">
        <v>930</v>
      </c>
      <c r="C136" s="7">
        <v>0</v>
      </c>
      <c r="D136" s="7">
        <v>0</v>
      </c>
    </row>
    <row r="137" spans="1:7" x14ac:dyDescent="0.25">
      <c r="A137" s="2" t="s">
        <v>178</v>
      </c>
      <c r="B137" s="4" t="s">
        <v>931</v>
      </c>
      <c r="C137" s="7">
        <v>0</v>
      </c>
      <c r="D137" s="7">
        <v>0</v>
      </c>
    </row>
    <row r="138" spans="1:7" x14ac:dyDescent="0.25">
      <c r="A138" s="3" t="s">
        <v>180</v>
      </c>
      <c r="B138" s="5" t="s">
        <v>932</v>
      </c>
      <c r="C138" s="6">
        <v>287985400</v>
      </c>
      <c r="D138" s="6">
        <v>52500267.380000003</v>
      </c>
    </row>
    <row r="140" spans="1:7" x14ac:dyDescent="0.25">
      <c r="A140" s="8" t="s">
        <v>6</v>
      </c>
      <c r="B140" s="8" t="s">
        <v>933</v>
      </c>
      <c r="C140" s="8" t="s">
        <v>576</v>
      </c>
      <c r="D140" s="8" t="s">
        <v>577</v>
      </c>
      <c r="E140" s="8" t="s">
        <v>578</v>
      </c>
      <c r="F140" s="8" t="s">
        <v>579</v>
      </c>
      <c r="G140" s="8" t="s">
        <v>852</v>
      </c>
    </row>
    <row r="141" spans="1:7" x14ac:dyDescent="0.25">
      <c r="A141" s="8" t="s">
        <v>7</v>
      </c>
      <c r="B141" s="8" t="s">
        <v>7</v>
      </c>
      <c r="C141" s="8" t="s">
        <v>7</v>
      </c>
      <c r="D141" s="8" t="s">
        <v>7</v>
      </c>
      <c r="E141" s="8" t="s">
        <v>7</v>
      </c>
      <c r="F141" s="8" t="s">
        <v>7</v>
      </c>
      <c r="G141" s="8" t="s">
        <v>7</v>
      </c>
    </row>
    <row r="142" spans="1:7" x14ac:dyDescent="0.25">
      <c r="A142" s="3" t="s">
        <v>182</v>
      </c>
      <c r="B142" s="5" t="s">
        <v>934</v>
      </c>
      <c r="C142" s="6">
        <v>0</v>
      </c>
      <c r="D142" s="6">
        <v>0</v>
      </c>
      <c r="E142" s="6">
        <v>0</v>
      </c>
      <c r="F142" s="6">
        <v>0</v>
      </c>
      <c r="G142" s="6">
        <v>0</v>
      </c>
    </row>
    <row r="143" spans="1:7" x14ac:dyDescent="0.25">
      <c r="A143" s="2" t="s">
        <v>184</v>
      </c>
      <c r="B143" s="4" t="s">
        <v>935</v>
      </c>
      <c r="C143" s="7">
        <v>0</v>
      </c>
      <c r="D143" s="7">
        <v>0</v>
      </c>
      <c r="E143" s="7">
        <v>0</v>
      </c>
      <c r="F143" s="7">
        <v>0</v>
      </c>
      <c r="G143" s="7">
        <v>0</v>
      </c>
    </row>
    <row r="144" spans="1:7" x14ac:dyDescent="0.25">
      <c r="A144" s="2" t="s">
        <v>186</v>
      </c>
      <c r="B144" s="4" t="s">
        <v>936</v>
      </c>
      <c r="C144" s="7">
        <v>0</v>
      </c>
      <c r="D144" s="7">
        <v>0</v>
      </c>
      <c r="E144" s="7">
        <v>0</v>
      </c>
      <c r="F144" s="7">
        <v>0</v>
      </c>
      <c r="G144" s="7">
        <v>0</v>
      </c>
    </row>
    <row r="145" spans="1:7" x14ac:dyDescent="0.25">
      <c r="A145" s="2" t="s">
        <v>188</v>
      </c>
      <c r="B145" s="4" t="s">
        <v>937</v>
      </c>
      <c r="C145" s="7">
        <v>555660276</v>
      </c>
      <c r="D145" s="7">
        <v>250316949.90000001</v>
      </c>
      <c r="E145" s="7">
        <v>242646734.11000001</v>
      </c>
      <c r="F145" s="7">
        <v>212139314.56</v>
      </c>
      <c r="G145" s="7">
        <v>0</v>
      </c>
    </row>
    <row r="146" spans="1:7" x14ac:dyDescent="0.25">
      <c r="A146" s="2" t="s">
        <v>190</v>
      </c>
      <c r="B146" s="4" t="s">
        <v>938</v>
      </c>
      <c r="C146" s="7">
        <v>876669024</v>
      </c>
      <c r="D146" s="7">
        <v>407687483.19</v>
      </c>
      <c r="E146" s="7">
        <v>384853933.95999998</v>
      </c>
      <c r="F146" s="7">
        <v>338879604.29000002</v>
      </c>
      <c r="G146" s="7">
        <v>0</v>
      </c>
    </row>
    <row r="147" spans="1:7" x14ac:dyDescent="0.25">
      <c r="A147" s="2" t="s">
        <v>192</v>
      </c>
      <c r="B147" s="4" t="s">
        <v>939</v>
      </c>
      <c r="C147" s="7">
        <v>31583000</v>
      </c>
      <c r="D147" s="7">
        <v>4261523.7</v>
      </c>
      <c r="E147" s="7">
        <v>1457005.99</v>
      </c>
      <c r="F147" s="7">
        <v>1420663.42</v>
      </c>
      <c r="G147" s="7">
        <v>0</v>
      </c>
    </row>
    <row r="148" spans="1:7" x14ac:dyDescent="0.25">
      <c r="A148" s="2" t="s">
        <v>194</v>
      </c>
      <c r="B148" s="4" t="s">
        <v>940</v>
      </c>
      <c r="C148" s="7">
        <v>42630000</v>
      </c>
      <c r="D148" s="7">
        <v>1510498</v>
      </c>
      <c r="E148" s="7">
        <v>1088386.6499999999</v>
      </c>
      <c r="F148" s="7">
        <v>1087867.1499999999</v>
      </c>
      <c r="G148" s="7">
        <v>0</v>
      </c>
    </row>
    <row r="149" spans="1:7" x14ac:dyDescent="0.25">
      <c r="A149" s="3" t="s">
        <v>196</v>
      </c>
      <c r="B149" s="5" t="s">
        <v>941</v>
      </c>
      <c r="C149" s="6">
        <v>1506542300</v>
      </c>
      <c r="D149" s="6">
        <v>663776454.78999996</v>
      </c>
      <c r="E149" s="6">
        <v>630046060.71000004</v>
      </c>
      <c r="F149" s="6">
        <v>553527449.41999996</v>
      </c>
      <c r="G149" s="6">
        <v>0</v>
      </c>
    </row>
    <row r="151" spans="1:7" x14ac:dyDescent="0.25">
      <c r="A151" s="8" t="s">
        <v>6</v>
      </c>
      <c r="B151" s="8" t="s">
        <v>942</v>
      </c>
      <c r="C151" s="8" t="s">
        <v>576</v>
      </c>
      <c r="D151" s="8" t="s">
        <v>577</v>
      </c>
      <c r="E151" s="8" t="s">
        <v>578</v>
      </c>
      <c r="F151" s="8" t="s">
        <v>579</v>
      </c>
      <c r="G151" s="8" t="s">
        <v>852</v>
      </c>
    </row>
    <row r="152" spans="1:7" x14ac:dyDescent="0.25">
      <c r="A152" s="8" t="s">
        <v>7</v>
      </c>
      <c r="B152" s="8" t="s">
        <v>7</v>
      </c>
      <c r="C152" s="8" t="s">
        <v>7</v>
      </c>
      <c r="D152" s="8" t="s">
        <v>7</v>
      </c>
      <c r="E152" s="8" t="s">
        <v>7</v>
      </c>
      <c r="F152" s="8" t="s">
        <v>7</v>
      </c>
      <c r="G152" s="8" t="s">
        <v>7</v>
      </c>
    </row>
    <row r="153" spans="1:7" x14ac:dyDescent="0.25">
      <c r="A153" s="3" t="s">
        <v>198</v>
      </c>
      <c r="B153" s="5" t="s">
        <v>943</v>
      </c>
      <c r="C153" s="6">
        <v>2722927000</v>
      </c>
      <c r="D153" s="6">
        <v>1363710899.5599999</v>
      </c>
      <c r="E153" s="6">
        <v>1222199749.3</v>
      </c>
      <c r="F153" s="6">
        <v>1049777443.33</v>
      </c>
      <c r="G153" s="6">
        <v>0</v>
      </c>
    </row>
    <row r="154" spans="1:7" x14ac:dyDescent="0.25">
      <c r="A154" s="3" t="s">
        <v>200</v>
      </c>
      <c r="B154" s="5" t="s">
        <v>944</v>
      </c>
      <c r="C154" s="6">
        <v>2497029607</v>
      </c>
      <c r="D154" s="6">
        <v>1302978042.24</v>
      </c>
      <c r="E154" s="6">
        <v>1195942638.46</v>
      </c>
      <c r="F154" s="6">
        <v>1023962378.47</v>
      </c>
      <c r="G154" s="6">
        <v>0</v>
      </c>
    </row>
    <row r="155" spans="1:7" x14ac:dyDescent="0.25">
      <c r="A155" s="2" t="s">
        <v>202</v>
      </c>
      <c r="B155" s="4" t="s">
        <v>945</v>
      </c>
      <c r="C155" s="7">
        <v>1949867800</v>
      </c>
      <c r="D155" s="7">
        <v>1083677107</v>
      </c>
      <c r="E155" s="7">
        <v>1063252060.6</v>
      </c>
      <c r="F155" s="7">
        <v>896237234.20000005</v>
      </c>
      <c r="G155" s="7">
        <v>0</v>
      </c>
    </row>
    <row r="156" spans="1:7" x14ac:dyDescent="0.25">
      <c r="A156" s="2" t="s">
        <v>204</v>
      </c>
      <c r="B156" s="4" t="s">
        <v>946</v>
      </c>
      <c r="C156" s="7">
        <v>0</v>
      </c>
      <c r="D156" s="7">
        <v>0</v>
      </c>
      <c r="E156" s="7">
        <v>0</v>
      </c>
      <c r="F156" s="7">
        <v>0</v>
      </c>
      <c r="G156" s="7">
        <v>0</v>
      </c>
    </row>
    <row r="157" spans="1:7" x14ac:dyDescent="0.25">
      <c r="A157" s="2" t="s">
        <v>206</v>
      </c>
      <c r="B157" s="4" t="s">
        <v>947</v>
      </c>
      <c r="C157" s="7">
        <v>1400000</v>
      </c>
      <c r="D157" s="7">
        <v>643119.82999999996</v>
      </c>
      <c r="E157" s="7">
        <v>549065.63</v>
      </c>
      <c r="F157" s="7">
        <v>549065.63</v>
      </c>
      <c r="G157" s="7">
        <v>0</v>
      </c>
    </row>
    <row r="158" spans="1:7" x14ac:dyDescent="0.25">
      <c r="A158" s="2" t="s">
        <v>208</v>
      </c>
      <c r="B158" s="4" t="s">
        <v>948</v>
      </c>
      <c r="C158" s="7">
        <v>545761807</v>
      </c>
      <c r="D158" s="7">
        <v>218657815.41</v>
      </c>
      <c r="E158" s="7">
        <v>132141512.23</v>
      </c>
      <c r="F158" s="7">
        <v>127176078.64</v>
      </c>
      <c r="G158" s="7">
        <v>0</v>
      </c>
    </row>
    <row r="159" spans="1:7" x14ac:dyDescent="0.25">
      <c r="A159" s="3" t="s">
        <v>210</v>
      </c>
      <c r="B159" s="5" t="s">
        <v>949</v>
      </c>
      <c r="C159" s="6">
        <v>225897393</v>
      </c>
      <c r="D159" s="6">
        <v>60732857.32</v>
      </c>
      <c r="E159" s="6">
        <v>26257110.84</v>
      </c>
      <c r="F159" s="6">
        <v>25815064.859999999</v>
      </c>
      <c r="G159" s="6">
        <v>0</v>
      </c>
    </row>
    <row r="160" spans="1:7" x14ac:dyDescent="0.25">
      <c r="A160" s="2" t="s">
        <v>212</v>
      </c>
      <c r="B160" s="4" t="s">
        <v>950</v>
      </c>
      <c r="C160" s="7">
        <v>0</v>
      </c>
      <c r="D160" s="7">
        <v>0</v>
      </c>
      <c r="E160" s="7">
        <v>0</v>
      </c>
      <c r="F160" s="7">
        <v>0</v>
      </c>
      <c r="G160" s="7">
        <v>0</v>
      </c>
    </row>
    <row r="161" spans="1:7" x14ac:dyDescent="0.25">
      <c r="A161" s="2" t="s">
        <v>214</v>
      </c>
      <c r="B161" s="4" t="s">
        <v>951</v>
      </c>
      <c r="C161" s="7">
        <v>225897393</v>
      </c>
      <c r="D161" s="7">
        <v>60732857.32</v>
      </c>
      <c r="E161" s="7">
        <v>26257110.84</v>
      </c>
      <c r="F161" s="7">
        <v>25815064.859999999</v>
      </c>
      <c r="G161" s="7">
        <v>0</v>
      </c>
    </row>
    <row r="163" spans="1:7" x14ac:dyDescent="0.25">
      <c r="A163" s="8" t="s">
        <v>6</v>
      </c>
      <c r="B163" s="8" t="s">
        <v>952</v>
      </c>
      <c r="C163" s="8" t="s">
        <v>953</v>
      </c>
      <c r="D163" s="8" t="s">
        <v>954</v>
      </c>
    </row>
    <row r="164" spans="1:7" x14ac:dyDescent="0.25">
      <c r="A164" s="8" t="s">
        <v>7</v>
      </c>
      <c r="B164" s="8" t="s">
        <v>7</v>
      </c>
      <c r="C164" s="8" t="s">
        <v>7</v>
      </c>
      <c r="D164" s="8" t="s">
        <v>7</v>
      </c>
    </row>
    <row r="165" spans="1:7" x14ac:dyDescent="0.25">
      <c r="A165" s="2" t="s">
        <v>215</v>
      </c>
      <c r="B165" s="4" t="s">
        <v>955</v>
      </c>
      <c r="C165" s="7">
        <v>17653177.280000001</v>
      </c>
      <c r="D165" s="7">
        <v>10470588.27</v>
      </c>
    </row>
    <row r="166" spans="1:7" x14ac:dyDescent="0.25">
      <c r="A166" s="2" t="s">
        <v>216</v>
      </c>
      <c r="B166" s="4" t="s">
        <v>956</v>
      </c>
      <c r="C166" s="7">
        <v>671832800.69000006</v>
      </c>
      <c r="D166" s="7">
        <v>20318698.16</v>
      </c>
    </row>
    <row r="167" spans="1:7" x14ac:dyDescent="0.25">
      <c r="A167" s="2" t="s">
        <v>218</v>
      </c>
      <c r="B167" s="4" t="s">
        <v>957</v>
      </c>
      <c r="C167" s="7">
        <v>522132602.52999997</v>
      </c>
      <c r="D167" s="7">
        <v>17852624.969999999</v>
      </c>
    </row>
    <row r="168" spans="1:7" x14ac:dyDescent="0.25">
      <c r="A168" s="3" t="s">
        <v>220</v>
      </c>
      <c r="B168" s="5" t="s">
        <v>958</v>
      </c>
      <c r="C168" s="6">
        <v>167353375.44</v>
      </c>
      <c r="D168" s="6">
        <v>12936661.460000001</v>
      </c>
    </row>
    <row r="169" spans="1:7" x14ac:dyDescent="0.25">
      <c r="A169" s="2" t="s">
        <v>222</v>
      </c>
      <c r="B169" s="4" t="s">
        <v>959</v>
      </c>
      <c r="C169" s="7">
        <v>44265948.030000001</v>
      </c>
      <c r="D169" s="7">
        <v>882661.45</v>
      </c>
    </row>
    <row r="170" spans="1:7" x14ac:dyDescent="0.25">
      <c r="A170" s="2" t="s">
        <v>225</v>
      </c>
      <c r="B170" s="4" t="s">
        <v>960</v>
      </c>
      <c r="C170" s="7">
        <v>0</v>
      </c>
      <c r="D170" s="7">
        <v>0</v>
      </c>
    </row>
    <row r="171" spans="1:7" x14ac:dyDescent="0.25">
      <c r="A171" s="3" t="s">
        <v>227</v>
      </c>
      <c r="B171" s="5" t="s">
        <v>961</v>
      </c>
      <c r="C171" s="6">
        <v>211619323.47</v>
      </c>
      <c r="D171" s="6">
        <v>13819322.91</v>
      </c>
    </row>
  </sheetData>
  <mergeCells count="106"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>
      <selection activeCell="C39" sqref="C39"/>
    </sheetView>
  </sheetViews>
  <sheetFormatPr defaultRowHeight="15" x14ac:dyDescent="0.25"/>
  <cols>
    <col min="2" max="2" width="88.85546875" bestFit="1" customWidth="1"/>
  </cols>
  <sheetData>
    <row r="3" spans="1:7" x14ac:dyDescent="0.25">
      <c r="A3" s="11" t="s">
        <v>0</v>
      </c>
      <c r="B3" s="10"/>
      <c r="C3" s="10"/>
      <c r="D3" s="10"/>
      <c r="E3" s="10"/>
      <c r="F3" s="10"/>
      <c r="G3" s="10"/>
    </row>
    <row r="4" spans="1:7" x14ac:dyDescent="0.25">
      <c r="A4" s="11" t="s">
        <v>1</v>
      </c>
      <c r="B4" s="10"/>
      <c r="C4" s="10"/>
      <c r="D4" s="10"/>
      <c r="E4" s="10"/>
      <c r="F4" s="10"/>
      <c r="G4" s="10"/>
    </row>
    <row r="5" spans="1:7" x14ac:dyDescent="0.25">
      <c r="A5" s="12" t="s">
        <v>962</v>
      </c>
      <c r="B5" s="10"/>
      <c r="C5" s="10"/>
      <c r="D5" s="10"/>
      <c r="E5" s="10"/>
      <c r="F5" s="10"/>
      <c r="G5" s="10"/>
    </row>
    <row r="6" spans="1:7" x14ac:dyDescent="0.25">
      <c r="A6" s="11" t="s">
        <v>3</v>
      </c>
      <c r="B6" s="10"/>
      <c r="C6" s="10"/>
      <c r="D6" s="10"/>
      <c r="E6" s="10"/>
      <c r="F6" s="10"/>
      <c r="G6" s="10"/>
    </row>
    <row r="7" spans="1:7" x14ac:dyDescent="0.25">
      <c r="A7" s="11" t="s">
        <v>4</v>
      </c>
      <c r="B7" s="10"/>
      <c r="C7" s="10"/>
      <c r="D7" s="10"/>
      <c r="E7" s="10"/>
      <c r="F7" s="10"/>
      <c r="G7" s="10"/>
    </row>
    <row r="9" spans="1:7" x14ac:dyDescent="0.25">
      <c r="A9" s="9" t="s">
        <v>963</v>
      </c>
      <c r="B9" s="10"/>
      <c r="C9" s="10"/>
      <c r="D9" s="10"/>
      <c r="E9" s="10"/>
      <c r="F9" s="10"/>
      <c r="G9" s="10"/>
    </row>
    <row r="10" spans="1:7" x14ac:dyDescent="0.25">
      <c r="A10" s="8" t="s">
        <v>6</v>
      </c>
      <c r="B10" s="8" t="s">
        <v>964</v>
      </c>
      <c r="C10" s="8" t="s">
        <v>965</v>
      </c>
      <c r="D10" s="8" t="s">
        <v>966</v>
      </c>
      <c r="E10" s="8" t="s">
        <v>967</v>
      </c>
      <c r="F10" s="8" t="s">
        <v>968</v>
      </c>
      <c r="G10" s="8" t="s">
        <v>969</v>
      </c>
    </row>
    <row r="11" spans="1:7" x14ac:dyDescent="0.25">
      <c r="A11" s="8" t="s">
        <v>7</v>
      </c>
      <c r="B11" s="8" t="s">
        <v>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</row>
    <row r="12" spans="1:7" x14ac:dyDescent="0.25">
      <c r="A12" s="3" t="s">
        <v>17</v>
      </c>
      <c r="B12" s="5" t="s">
        <v>970</v>
      </c>
      <c r="C12" s="6">
        <v>0</v>
      </c>
      <c r="D12" s="6">
        <v>0</v>
      </c>
      <c r="E12" s="6">
        <v>0</v>
      </c>
      <c r="F12" s="6">
        <v>0</v>
      </c>
      <c r="G12" s="6">
        <v>0</v>
      </c>
    </row>
    <row r="13" spans="1:7" x14ac:dyDescent="0.25">
      <c r="A13" s="2" t="s">
        <v>19</v>
      </c>
      <c r="B13" s="4" t="s">
        <v>971</v>
      </c>
      <c r="C13" s="7">
        <v>0</v>
      </c>
      <c r="D13" s="7">
        <v>0</v>
      </c>
      <c r="E13" s="7">
        <v>0</v>
      </c>
      <c r="F13" s="7">
        <v>0</v>
      </c>
      <c r="G13" s="7">
        <v>0</v>
      </c>
    </row>
    <row r="14" spans="1:7" x14ac:dyDescent="0.25">
      <c r="A14" s="2" t="s">
        <v>21</v>
      </c>
      <c r="B14" s="4" t="s">
        <v>972</v>
      </c>
      <c r="C14" s="7">
        <v>0</v>
      </c>
      <c r="D14" s="7">
        <v>0</v>
      </c>
      <c r="E14" s="7">
        <v>0</v>
      </c>
      <c r="F14" s="7">
        <v>0</v>
      </c>
      <c r="G14" s="7">
        <v>0</v>
      </c>
    </row>
    <row r="15" spans="1:7" x14ac:dyDescent="0.25">
      <c r="A15" s="2" t="s">
        <v>23</v>
      </c>
      <c r="B15" s="4" t="s">
        <v>973</v>
      </c>
      <c r="C15" s="7">
        <v>0</v>
      </c>
      <c r="D15" s="7">
        <v>0</v>
      </c>
      <c r="E15" s="7">
        <v>0</v>
      </c>
      <c r="F15" s="7">
        <v>0</v>
      </c>
      <c r="G15" s="7">
        <v>0</v>
      </c>
    </row>
    <row r="16" spans="1:7" x14ac:dyDescent="0.25">
      <c r="A16" s="2" t="s">
        <v>25</v>
      </c>
      <c r="B16" s="4" t="s">
        <v>974</v>
      </c>
      <c r="C16" s="7">
        <v>0</v>
      </c>
      <c r="D16" s="7">
        <v>0</v>
      </c>
      <c r="E16" s="7">
        <v>0</v>
      </c>
      <c r="F16" s="7">
        <v>0</v>
      </c>
      <c r="G16" s="7">
        <v>0</v>
      </c>
    </row>
    <row r="17" spans="1:7" x14ac:dyDescent="0.25">
      <c r="A17" s="2" t="s">
        <v>27</v>
      </c>
      <c r="B17" s="4" t="s">
        <v>975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</row>
    <row r="18" spans="1:7" x14ac:dyDescent="0.25">
      <c r="A18" s="3" t="s">
        <v>29</v>
      </c>
      <c r="B18" s="5" t="s">
        <v>976</v>
      </c>
      <c r="C18" s="6">
        <v>0</v>
      </c>
      <c r="D18" s="6">
        <v>0</v>
      </c>
      <c r="E18" s="6">
        <v>0</v>
      </c>
      <c r="F18" s="6">
        <v>0</v>
      </c>
      <c r="G18" s="6">
        <v>0</v>
      </c>
    </row>
    <row r="19" spans="1:7" x14ac:dyDescent="0.25">
      <c r="A19" s="2" t="s">
        <v>31</v>
      </c>
      <c r="B19" s="4" t="s">
        <v>971</v>
      </c>
      <c r="C19" s="7">
        <v>0</v>
      </c>
      <c r="D19" s="7">
        <v>0</v>
      </c>
      <c r="E19" s="7">
        <v>0</v>
      </c>
      <c r="F19" s="7">
        <v>0</v>
      </c>
      <c r="G19" s="7">
        <v>0</v>
      </c>
    </row>
    <row r="20" spans="1:7" x14ac:dyDescent="0.25">
      <c r="A20" s="2" t="s">
        <v>33</v>
      </c>
      <c r="B20" s="4" t="s">
        <v>972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</row>
    <row r="21" spans="1:7" x14ac:dyDescent="0.25">
      <c r="A21" s="2" t="s">
        <v>35</v>
      </c>
      <c r="B21" s="4" t="s">
        <v>973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</row>
    <row r="22" spans="1:7" x14ac:dyDescent="0.25">
      <c r="A22" s="2" t="s">
        <v>37</v>
      </c>
      <c r="B22" s="4" t="s">
        <v>974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</row>
    <row r="23" spans="1:7" x14ac:dyDescent="0.25">
      <c r="A23" s="2" t="s">
        <v>39</v>
      </c>
      <c r="B23" s="4" t="s">
        <v>977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</row>
    <row r="24" spans="1:7" x14ac:dyDescent="0.25">
      <c r="A24" s="3" t="s">
        <v>41</v>
      </c>
      <c r="B24" s="5" t="s">
        <v>978</v>
      </c>
      <c r="C24" s="6">
        <v>0</v>
      </c>
      <c r="D24" s="6">
        <v>0</v>
      </c>
      <c r="E24" s="6">
        <v>0</v>
      </c>
      <c r="F24" s="6">
        <v>0</v>
      </c>
      <c r="G24" s="6">
        <v>0</v>
      </c>
    </row>
    <row r="25" spans="1:7" x14ac:dyDescent="0.25">
      <c r="A25" s="2" t="s">
        <v>43</v>
      </c>
      <c r="B25" s="4" t="s">
        <v>971</v>
      </c>
      <c r="C25" s="7">
        <v>0</v>
      </c>
      <c r="D25" s="7">
        <v>0</v>
      </c>
      <c r="E25" s="7">
        <v>0</v>
      </c>
      <c r="F25" s="7">
        <v>0</v>
      </c>
      <c r="G25" s="7">
        <v>0</v>
      </c>
    </row>
    <row r="26" spans="1:7" x14ac:dyDescent="0.25">
      <c r="A26" s="2" t="s">
        <v>45</v>
      </c>
      <c r="B26" s="4" t="s">
        <v>972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</row>
    <row r="27" spans="1:7" x14ac:dyDescent="0.25">
      <c r="A27" s="2" t="s">
        <v>47</v>
      </c>
      <c r="B27" s="4" t="s">
        <v>973</v>
      </c>
      <c r="C27" s="7">
        <v>0</v>
      </c>
      <c r="D27" s="7">
        <v>0</v>
      </c>
      <c r="E27" s="7">
        <v>0</v>
      </c>
      <c r="F27" s="7">
        <v>0</v>
      </c>
      <c r="G27" s="7">
        <v>0</v>
      </c>
    </row>
    <row r="28" spans="1:7" x14ac:dyDescent="0.25">
      <c r="A28" s="2" t="s">
        <v>49</v>
      </c>
      <c r="B28" s="4" t="s">
        <v>974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</row>
    <row r="29" spans="1:7" x14ac:dyDescent="0.25">
      <c r="A29" s="2" t="s">
        <v>51</v>
      </c>
      <c r="B29" s="4" t="s">
        <v>977</v>
      </c>
      <c r="C29" s="7">
        <v>0</v>
      </c>
      <c r="D29" s="7">
        <v>0</v>
      </c>
      <c r="E29" s="7">
        <v>0</v>
      </c>
      <c r="F29" s="7">
        <v>0</v>
      </c>
      <c r="G29" s="7">
        <v>0</v>
      </c>
    </row>
    <row r="30" spans="1:7" x14ac:dyDescent="0.25">
      <c r="A30" s="3" t="s">
        <v>53</v>
      </c>
      <c r="B30" s="5" t="s">
        <v>979</v>
      </c>
      <c r="C30" s="6">
        <v>0</v>
      </c>
      <c r="D30" s="6">
        <v>0</v>
      </c>
      <c r="E30" s="6">
        <v>0</v>
      </c>
      <c r="F30" s="6">
        <v>0</v>
      </c>
      <c r="G30" s="6">
        <v>0</v>
      </c>
    </row>
    <row r="31" spans="1:7" x14ac:dyDescent="0.25">
      <c r="A31" s="2" t="s">
        <v>55</v>
      </c>
      <c r="B31" s="4" t="s">
        <v>974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</row>
    <row r="32" spans="1:7" x14ac:dyDescent="0.25">
      <c r="A32" s="2" t="s">
        <v>57</v>
      </c>
      <c r="B32" s="4" t="s">
        <v>977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</row>
    <row r="33" spans="1:7" x14ac:dyDescent="0.25">
      <c r="A33" s="3" t="s">
        <v>59</v>
      </c>
      <c r="B33" s="5" t="s">
        <v>980</v>
      </c>
      <c r="C33" s="6">
        <v>0</v>
      </c>
      <c r="D33" s="6">
        <v>0</v>
      </c>
      <c r="E33" s="6">
        <v>0</v>
      </c>
      <c r="F33" s="6">
        <v>0</v>
      </c>
      <c r="G33" s="6">
        <v>0</v>
      </c>
    </row>
    <row r="34" spans="1:7" x14ac:dyDescent="0.25">
      <c r="A34" s="2" t="s">
        <v>61</v>
      </c>
      <c r="B34" s="4" t="s">
        <v>974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</row>
    <row r="35" spans="1:7" x14ac:dyDescent="0.25">
      <c r="A35" s="2" t="s">
        <v>63</v>
      </c>
      <c r="B35" s="4" t="s">
        <v>977</v>
      </c>
      <c r="C35" s="7">
        <v>0</v>
      </c>
      <c r="D35" s="7">
        <v>0</v>
      </c>
      <c r="E35" s="7">
        <v>0</v>
      </c>
      <c r="F35" s="7">
        <v>0</v>
      </c>
      <c r="G35" s="7">
        <v>0</v>
      </c>
    </row>
    <row r="36" spans="1:7" x14ac:dyDescent="0.25">
      <c r="A36" s="3" t="s">
        <v>65</v>
      </c>
      <c r="B36" s="5" t="s">
        <v>981</v>
      </c>
      <c r="C36" s="6">
        <v>0</v>
      </c>
      <c r="D36" s="6">
        <v>0</v>
      </c>
      <c r="E36" s="6">
        <v>0</v>
      </c>
      <c r="F36" s="6">
        <v>0</v>
      </c>
      <c r="G36" s="6">
        <v>0</v>
      </c>
    </row>
  </sheetData>
  <mergeCells count="13">
    <mergeCell ref="A3:G3"/>
    <mergeCell ref="A4:G4"/>
    <mergeCell ref="A5:G5"/>
    <mergeCell ref="A6:G6"/>
    <mergeCell ref="A7:G7"/>
    <mergeCell ref="A9:G9"/>
    <mergeCell ref="A10:A11"/>
    <mergeCell ref="B10:B11"/>
    <mergeCell ref="C10:C11"/>
    <mergeCell ref="D10:D11"/>
    <mergeCell ref="E10:E11"/>
    <mergeCell ref="F10:F11"/>
    <mergeCell ref="G10:G11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89.7109375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98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983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984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12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371</v>
      </c>
      <c r="F11" s="1" t="s">
        <v>985</v>
      </c>
    </row>
    <row r="12" spans="1:12" x14ac:dyDescent="0.25">
      <c r="A12" s="3" t="s">
        <v>17</v>
      </c>
      <c r="B12" s="5" t="s">
        <v>986</v>
      </c>
      <c r="C12" s="6">
        <v>11960266900</v>
      </c>
      <c r="D12" s="6">
        <v>11960266900</v>
      </c>
      <c r="E12" s="6">
        <v>7289781578.8500004</v>
      </c>
      <c r="F12" s="6">
        <v>60.95</v>
      </c>
    </row>
    <row r="13" spans="1:12" x14ac:dyDescent="0.25">
      <c r="A13" s="3" t="s">
        <v>19</v>
      </c>
      <c r="B13" s="5" t="s">
        <v>987</v>
      </c>
      <c r="C13" s="6">
        <v>10054096900</v>
      </c>
      <c r="D13" s="6">
        <v>10054096900</v>
      </c>
      <c r="E13" s="6">
        <v>5970739112.6000004</v>
      </c>
      <c r="F13" s="6">
        <v>59.39</v>
      </c>
    </row>
    <row r="14" spans="1:12" x14ac:dyDescent="0.25">
      <c r="A14" s="2" t="s">
        <v>21</v>
      </c>
      <c r="B14" s="4" t="s">
        <v>988</v>
      </c>
      <c r="C14" s="7">
        <v>9850946800</v>
      </c>
      <c r="D14" s="7">
        <v>9850946800</v>
      </c>
      <c r="E14" s="7">
        <v>5865804666.3400002</v>
      </c>
      <c r="F14" s="7">
        <v>59.55</v>
      </c>
    </row>
    <row r="15" spans="1:12" x14ac:dyDescent="0.25">
      <c r="A15" s="2" t="s">
        <v>23</v>
      </c>
      <c r="B15" s="4" t="s">
        <v>989</v>
      </c>
      <c r="C15" s="7">
        <v>118350600</v>
      </c>
      <c r="D15" s="7">
        <v>118350600</v>
      </c>
      <c r="E15" s="7">
        <v>56413810.289999999</v>
      </c>
      <c r="F15" s="7">
        <v>47.67</v>
      </c>
    </row>
    <row r="16" spans="1:12" x14ac:dyDescent="0.25">
      <c r="A16" s="2" t="s">
        <v>25</v>
      </c>
      <c r="B16" s="4" t="s">
        <v>990</v>
      </c>
      <c r="C16" s="7">
        <v>84799500</v>
      </c>
      <c r="D16" s="7">
        <v>84799500</v>
      </c>
      <c r="E16" s="7">
        <v>48520635.969999999</v>
      </c>
      <c r="F16" s="7">
        <v>57.22</v>
      </c>
    </row>
    <row r="17" spans="1:6" x14ac:dyDescent="0.25">
      <c r="A17" s="3" t="s">
        <v>27</v>
      </c>
      <c r="B17" s="5" t="s">
        <v>991</v>
      </c>
      <c r="C17" s="6">
        <v>182844600</v>
      </c>
      <c r="D17" s="6">
        <v>182844600</v>
      </c>
      <c r="E17" s="6">
        <v>155119690.24000001</v>
      </c>
      <c r="F17" s="6">
        <v>84.84</v>
      </c>
    </row>
    <row r="18" spans="1:6" x14ac:dyDescent="0.25">
      <c r="A18" s="2" t="s">
        <v>29</v>
      </c>
      <c r="B18" s="4" t="s">
        <v>992</v>
      </c>
      <c r="C18" s="7">
        <v>182844600</v>
      </c>
      <c r="D18" s="7">
        <v>182844600</v>
      </c>
      <c r="E18" s="7">
        <v>153710006.71000001</v>
      </c>
      <c r="F18" s="7">
        <v>84.07</v>
      </c>
    </row>
    <row r="19" spans="1:6" x14ac:dyDescent="0.25">
      <c r="A19" s="2" t="s">
        <v>31</v>
      </c>
      <c r="B19" s="4" t="s">
        <v>993</v>
      </c>
      <c r="C19" s="7">
        <v>0</v>
      </c>
      <c r="D19" s="7">
        <v>0</v>
      </c>
      <c r="E19" s="7">
        <v>1409683.53</v>
      </c>
      <c r="F19" s="7">
        <v>0</v>
      </c>
    </row>
    <row r="20" spans="1:6" x14ac:dyDescent="0.25">
      <c r="A20" s="3" t="s">
        <v>33</v>
      </c>
      <c r="B20" s="5" t="s">
        <v>994</v>
      </c>
      <c r="C20" s="6">
        <v>730803700</v>
      </c>
      <c r="D20" s="6">
        <v>730803700</v>
      </c>
      <c r="E20" s="6">
        <v>669560115.88</v>
      </c>
      <c r="F20" s="6">
        <v>91.62</v>
      </c>
    </row>
    <row r="21" spans="1:6" x14ac:dyDescent="0.25">
      <c r="A21" s="2" t="s">
        <v>35</v>
      </c>
      <c r="B21" s="4" t="s">
        <v>995</v>
      </c>
      <c r="C21" s="7">
        <v>675783900</v>
      </c>
      <c r="D21" s="7">
        <v>675783900</v>
      </c>
      <c r="E21" s="7">
        <v>638563550.07000005</v>
      </c>
      <c r="F21" s="7">
        <v>94.49</v>
      </c>
    </row>
    <row r="22" spans="1:6" x14ac:dyDescent="0.25">
      <c r="A22" s="2" t="s">
        <v>37</v>
      </c>
      <c r="B22" s="4" t="s">
        <v>996</v>
      </c>
      <c r="C22" s="7">
        <v>55019800</v>
      </c>
      <c r="D22" s="7">
        <v>55019800</v>
      </c>
      <c r="E22" s="7">
        <v>30996565.809999999</v>
      </c>
      <c r="F22" s="7">
        <v>56.34</v>
      </c>
    </row>
    <row r="23" spans="1:6" x14ac:dyDescent="0.25">
      <c r="A23" s="2" t="s">
        <v>39</v>
      </c>
      <c r="B23" s="4" t="s">
        <v>997</v>
      </c>
      <c r="C23" s="7">
        <v>992521700</v>
      </c>
      <c r="D23" s="7">
        <v>992521700</v>
      </c>
      <c r="E23" s="7">
        <v>494362660.13</v>
      </c>
      <c r="F23" s="7">
        <v>49.81</v>
      </c>
    </row>
    <row r="24" spans="1:6" x14ac:dyDescent="0.25">
      <c r="A24" s="3" t="s">
        <v>41</v>
      </c>
      <c r="B24" s="5" t="s">
        <v>998</v>
      </c>
      <c r="C24" s="6">
        <v>1403274000</v>
      </c>
      <c r="D24" s="6">
        <v>1403274000</v>
      </c>
      <c r="E24" s="6">
        <v>928350798.52999997</v>
      </c>
      <c r="F24" s="6">
        <v>129.80000000000001</v>
      </c>
    </row>
    <row r="25" spans="1:6" x14ac:dyDescent="0.25">
      <c r="A25" s="2" t="s">
        <v>43</v>
      </c>
      <c r="B25" s="4" t="s">
        <v>999</v>
      </c>
      <c r="C25" s="7">
        <v>1273744200</v>
      </c>
      <c r="D25" s="7">
        <v>1273744200</v>
      </c>
      <c r="E25" s="7">
        <v>859488081.86000001</v>
      </c>
      <c r="F25" s="7">
        <v>67.48</v>
      </c>
    </row>
    <row r="26" spans="1:6" x14ac:dyDescent="0.25">
      <c r="A26" s="2" t="s">
        <v>45</v>
      </c>
      <c r="B26" s="4" t="s">
        <v>1000</v>
      </c>
      <c r="C26" s="7">
        <v>19038100</v>
      </c>
      <c r="D26" s="7">
        <v>19038100</v>
      </c>
      <c r="E26" s="7">
        <v>0</v>
      </c>
      <c r="F26" s="7">
        <v>0</v>
      </c>
    </row>
    <row r="27" spans="1:6" x14ac:dyDescent="0.25">
      <c r="A27" s="3" t="s">
        <v>47</v>
      </c>
      <c r="B27" s="5" t="s">
        <v>1001</v>
      </c>
      <c r="C27" s="6">
        <v>110491700</v>
      </c>
      <c r="D27" s="6">
        <v>110491700</v>
      </c>
      <c r="E27" s="6">
        <v>68862716.670000002</v>
      </c>
      <c r="F27" s="6">
        <v>62.32</v>
      </c>
    </row>
    <row r="28" spans="1:6" x14ac:dyDescent="0.25">
      <c r="A28" s="2" t="s">
        <v>49</v>
      </c>
      <c r="B28" s="4" t="s">
        <v>1002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2" t="s">
        <v>51</v>
      </c>
      <c r="B29" s="4" t="s">
        <v>1003</v>
      </c>
      <c r="C29" s="7">
        <v>110491700</v>
      </c>
      <c r="D29" s="7">
        <v>110491700</v>
      </c>
      <c r="E29" s="7">
        <v>68862716.670000002</v>
      </c>
      <c r="F29" s="7">
        <v>62.32</v>
      </c>
    </row>
    <row r="30" spans="1:6" x14ac:dyDescent="0.25">
      <c r="A30" s="3" t="s">
        <v>53</v>
      </c>
      <c r="B30" s="5" t="s">
        <v>1004</v>
      </c>
      <c r="C30" s="6">
        <v>2885349100</v>
      </c>
      <c r="D30" s="6">
        <v>2885349100</v>
      </c>
      <c r="E30" s="6">
        <v>1832550356.2</v>
      </c>
      <c r="F30" s="6">
        <v>63.51</v>
      </c>
    </row>
    <row r="31" spans="1:6" x14ac:dyDescent="0.25">
      <c r="A31" s="2" t="s">
        <v>55</v>
      </c>
      <c r="B31" s="4" t="s">
        <v>1005</v>
      </c>
      <c r="C31" s="7">
        <v>2492324300</v>
      </c>
      <c r="D31" s="7">
        <v>2492324300</v>
      </c>
      <c r="E31" s="7">
        <v>1480554618.9300001</v>
      </c>
      <c r="F31" s="7">
        <v>59.4</v>
      </c>
    </row>
    <row r="32" spans="1:6" x14ac:dyDescent="0.25">
      <c r="A32" s="2" t="s">
        <v>57</v>
      </c>
      <c r="B32" s="4" t="s">
        <v>1006</v>
      </c>
      <c r="C32" s="7">
        <v>365401900</v>
      </c>
      <c r="D32" s="7">
        <v>365401900</v>
      </c>
      <c r="E32" s="7">
        <v>334780058.14999998</v>
      </c>
      <c r="F32" s="7">
        <v>91.62</v>
      </c>
    </row>
    <row r="33" spans="1:10" x14ac:dyDescent="0.25">
      <c r="A33" s="2" t="s">
        <v>59</v>
      </c>
      <c r="B33" s="4" t="s">
        <v>1007</v>
      </c>
      <c r="C33" s="7">
        <v>27622900</v>
      </c>
      <c r="D33" s="7">
        <v>27622900</v>
      </c>
      <c r="E33" s="7">
        <v>17215679.120000001</v>
      </c>
      <c r="F33" s="7">
        <v>62.32</v>
      </c>
    </row>
    <row r="34" spans="1:10" x14ac:dyDescent="0.25">
      <c r="A34" s="3" t="s">
        <v>61</v>
      </c>
      <c r="B34" s="5" t="s">
        <v>1008</v>
      </c>
      <c r="C34" s="6">
        <v>10478191800</v>
      </c>
      <c r="D34" s="6">
        <v>10478191800</v>
      </c>
      <c r="E34" s="6">
        <v>6385582021.1800003</v>
      </c>
      <c r="F34" s="6">
        <v>60.94</v>
      </c>
    </row>
    <row r="36" spans="1:10" x14ac:dyDescent="0.25">
      <c r="A36" s="8" t="s">
        <v>6</v>
      </c>
      <c r="B36" s="8" t="s">
        <v>1009</v>
      </c>
      <c r="C36" s="8" t="s">
        <v>369</v>
      </c>
      <c r="D36" s="8" t="s">
        <v>576</v>
      </c>
      <c r="E36" s="8" t="s">
        <v>168</v>
      </c>
      <c r="F36" s="8" t="s">
        <v>7</v>
      </c>
      <c r="G36" s="8" t="s">
        <v>172</v>
      </c>
      <c r="H36" s="8" t="s">
        <v>7</v>
      </c>
      <c r="I36" s="8" t="s">
        <v>1013</v>
      </c>
      <c r="J36" s="8" t="s">
        <v>1013</v>
      </c>
    </row>
    <row r="37" spans="1:10" ht="21" x14ac:dyDescent="0.25">
      <c r="A37" s="8" t="s">
        <v>7</v>
      </c>
      <c r="B37" s="8" t="s">
        <v>7</v>
      </c>
      <c r="C37" s="8" t="s">
        <v>7</v>
      </c>
      <c r="D37" s="8" t="s">
        <v>7</v>
      </c>
      <c r="E37" s="1" t="s">
        <v>374</v>
      </c>
      <c r="F37" s="1" t="s">
        <v>1010</v>
      </c>
      <c r="G37" s="1" t="s">
        <v>1011</v>
      </c>
      <c r="H37" s="1" t="s">
        <v>1012</v>
      </c>
      <c r="I37" s="1" t="s">
        <v>170</v>
      </c>
      <c r="J37" s="1" t="s">
        <v>1014</v>
      </c>
    </row>
    <row r="38" spans="1:10" x14ac:dyDescent="0.25">
      <c r="A38" s="3" t="s">
        <v>63</v>
      </c>
      <c r="B38" s="5" t="s">
        <v>1015</v>
      </c>
      <c r="C38" s="6">
        <v>69829000</v>
      </c>
      <c r="D38" s="6">
        <v>67979000</v>
      </c>
      <c r="E38" s="6">
        <v>30746752.43</v>
      </c>
      <c r="F38" s="6">
        <v>45.23</v>
      </c>
      <c r="G38" s="6">
        <v>22205634.07</v>
      </c>
      <c r="H38" s="6">
        <v>32.67</v>
      </c>
      <c r="I38" s="6">
        <v>22205633.07</v>
      </c>
      <c r="J38" s="6">
        <v>32.67</v>
      </c>
    </row>
    <row r="39" spans="1:10" x14ac:dyDescent="0.25">
      <c r="A39" s="2" t="s">
        <v>65</v>
      </c>
      <c r="B39" s="4" t="s">
        <v>1016</v>
      </c>
      <c r="C39" s="7">
        <v>69829000</v>
      </c>
      <c r="D39" s="7">
        <v>67979000</v>
      </c>
      <c r="E39" s="7">
        <v>30746752.43</v>
      </c>
      <c r="F39" s="7">
        <v>45.23</v>
      </c>
      <c r="G39" s="7">
        <v>22205634.07</v>
      </c>
      <c r="H39" s="7">
        <v>32.67</v>
      </c>
      <c r="I39" s="7">
        <v>22205633.07</v>
      </c>
      <c r="J39" s="7">
        <v>32.67</v>
      </c>
    </row>
    <row r="40" spans="1:10" x14ac:dyDescent="0.25">
      <c r="A40" s="2" t="s">
        <v>67</v>
      </c>
      <c r="B40" s="4" t="s">
        <v>1017</v>
      </c>
      <c r="C40" s="7">
        <v>0</v>
      </c>
      <c r="D40" s="7">
        <v>0</v>
      </c>
      <c r="E40" s="7">
        <v>0</v>
      </c>
      <c r="F40" s="7">
        <v>0</v>
      </c>
      <c r="G40" s="7">
        <v>0</v>
      </c>
      <c r="H40" s="7">
        <v>0</v>
      </c>
      <c r="I40" s="7">
        <v>0</v>
      </c>
      <c r="J40" s="7">
        <v>0</v>
      </c>
    </row>
    <row r="41" spans="1:10" x14ac:dyDescent="0.25">
      <c r="A41" s="3" t="s">
        <v>69</v>
      </c>
      <c r="B41" s="5" t="s">
        <v>1018</v>
      </c>
      <c r="C41" s="6">
        <v>709427300</v>
      </c>
      <c r="D41" s="6">
        <v>744894762</v>
      </c>
      <c r="E41" s="6">
        <v>339649441.91000003</v>
      </c>
      <c r="F41" s="6">
        <v>70.62</v>
      </c>
      <c r="G41" s="6">
        <v>269773306.79000002</v>
      </c>
      <c r="H41" s="6">
        <v>39.590000000000003</v>
      </c>
      <c r="I41" s="6">
        <v>249631728.90000001</v>
      </c>
      <c r="J41" s="6">
        <v>36.51</v>
      </c>
    </row>
    <row r="42" spans="1:10" x14ac:dyDescent="0.25">
      <c r="A42" s="2" t="s">
        <v>71</v>
      </c>
      <c r="B42" s="4" t="s">
        <v>1016</v>
      </c>
      <c r="C42" s="7">
        <v>680892300</v>
      </c>
      <c r="D42" s="7">
        <v>685877949</v>
      </c>
      <c r="E42" s="7">
        <v>326022896.33999997</v>
      </c>
      <c r="F42" s="7">
        <v>47.53</v>
      </c>
      <c r="G42" s="7">
        <v>269607092.14999998</v>
      </c>
      <c r="H42" s="7">
        <v>39.31</v>
      </c>
      <c r="I42" s="7">
        <v>249560924.25999999</v>
      </c>
      <c r="J42" s="7">
        <v>36.39</v>
      </c>
    </row>
    <row r="43" spans="1:10" x14ac:dyDescent="0.25">
      <c r="A43" s="2" t="s">
        <v>73</v>
      </c>
      <c r="B43" s="4" t="s">
        <v>1019</v>
      </c>
      <c r="C43" s="7">
        <v>28535000</v>
      </c>
      <c r="D43" s="7">
        <v>59016813</v>
      </c>
      <c r="E43" s="7">
        <v>13626545.57</v>
      </c>
      <c r="F43" s="7">
        <v>23.09</v>
      </c>
      <c r="G43" s="7">
        <v>166214.64000000001</v>
      </c>
      <c r="H43" s="7">
        <v>0.28000000000000003</v>
      </c>
      <c r="I43" s="7">
        <v>70804.639999999999</v>
      </c>
      <c r="J43" s="7">
        <v>0.12</v>
      </c>
    </row>
    <row r="44" spans="1:10" x14ac:dyDescent="0.25">
      <c r="A44" s="3" t="s">
        <v>75</v>
      </c>
      <c r="B44" s="5" t="s">
        <v>1020</v>
      </c>
      <c r="C44" s="6">
        <v>58390700</v>
      </c>
      <c r="D44" s="6">
        <v>52899878</v>
      </c>
      <c r="E44" s="6">
        <v>19043852.030000001</v>
      </c>
      <c r="F44" s="6">
        <v>36</v>
      </c>
      <c r="G44" s="6">
        <v>10916379.73</v>
      </c>
      <c r="H44" s="6">
        <v>20.64</v>
      </c>
      <c r="I44" s="6">
        <v>8206175.1900000004</v>
      </c>
      <c r="J44" s="6">
        <v>15.51</v>
      </c>
    </row>
    <row r="45" spans="1:10" x14ac:dyDescent="0.25">
      <c r="A45" s="2" t="s">
        <v>77</v>
      </c>
      <c r="B45" s="4" t="s">
        <v>1016</v>
      </c>
      <c r="C45" s="7">
        <v>58390700</v>
      </c>
      <c r="D45" s="7">
        <v>52899878</v>
      </c>
      <c r="E45" s="7">
        <v>19043852.030000001</v>
      </c>
      <c r="F45" s="7">
        <v>36</v>
      </c>
      <c r="G45" s="7">
        <v>10916379.73</v>
      </c>
      <c r="H45" s="7">
        <v>20.64</v>
      </c>
      <c r="I45" s="7">
        <v>8206175.1900000004</v>
      </c>
      <c r="J45" s="7">
        <v>15.51</v>
      </c>
    </row>
    <row r="46" spans="1:10" x14ac:dyDescent="0.25">
      <c r="A46" s="2" t="s">
        <v>79</v>
      </c>
      <c r="B46" s="4" t="s">
        <v>1019</v>
      </c>
      <c r="C46" s="7">
        <v>0</v>
      </c>
      <c r="D46" s="7">
        <v>0</v>
      </c>
      <c r="E46" s="7">
        <v>0</v>
      </c>
      <c r="F46" s="7">
        <v>0</v>
      </c>
      <c r="G46" s="7">
        <v>0</v>
      </c>
      <c r="H46" s="7">
        <v>0</v>
      </c>
      <c r="I46" s="7">
        <v>0</v>
      </c>
      <c r="J46" s="7">
        <v>0</v>
      </c>
    </row>
    <row r="47" spans="1:10" x14ac:dyDescent="0.25">
      <c r="A47" s="3" t="s">
        <v>81</v>
      </c>
      <c r="B47" s="5" t="s">
        <v>1021</v>
      </c>
      <c r="C47" s="6">
        <v>500000</v>
      </c>
      <c r="D47" s="6">
        <v>500000</v>
      </c>
      <c r="E47" s="6">
        <v>0</v>
      </c>
      <c r="F47" s="6">
        <v>0</v>
      </c>
      <c r="G47" s="6">
        <v>0</v>
      </c>
      <c r="H47" s="6">
        <v>0</v>
      </c>
      <c r="I47" s="6">
        <v>0</v>
      </c>
      <c r="J47" s="6">
        <v>0</v>
      </c>
    </row>
    <row r="48" spans="1:10" x14ac:dyDescent="0.25">
      <c r="A48" s="2" t="s">
        <v>83</v>
      </c>
      <c r="B48" s="4" t="s">
        <v>1016</v>
      </c>
      <c r="C48" s="7">
        <v>500000</v>
      </c>
      <c r="D48" s="7">
        <v>500000</v>
      </c>
      <c r="E48" s="7">
        <v>0</v>
      </c>
      <c r="F48" s="7">
        <v>0</v>
      </c>
      <c r="G48" s="7">
        <v>0</v>
      </c>
      <c r="H48" s="7">
        <v>0</v>
      </c>
      <c r="I48" s="7">
        <v>0</v>
      </c>
      <c r="J48" s="7">
        <v>0</v>
      </c>
    </row>
    <row r="49" spans="1:10" x14ac:dyDescent="0.25">
      <c r="A49" s="2" t="s">
        <v>85</v>
      </c>
      <c r="B49" s="4" t="s">
        <v>1019</v>
      </c>
      <c r="C49" s="7">
        <v>0</v>
      </c>
      <c r="D49" s="7">
        <v>0</v>
      </c>
      <c r="E49" s="7">
        <v>0</v>
      </c>
      <c r="F49" s="7">
        <v>0</v>
      </c>
      <c r="G49" s="7">
        <v>0</v>
      </c>
      <c r="H49" s="7">
        <v>0</v>
      </c>
      <c r="I49" s="7">
        <v>0</v>
      </c>
      <c r="J49" s="7">
        <v>0</v>
      </c>
    </row>
    <row r="50" spans="1:10" x14ac:dyDescent="0.25">
      <c r="A50" s="3" t="s">
        <v>87</v>
      </c>
      <c r="B50" s="5" t="s">
        <v>1022</v>
      </c>
      <c r="C50" s="6">
        <v>19858000</v>
      </c>
      <c r="D50" s="6">
        <v>61874173</v>
      </c>
      <c r="E50" s="6">
        <v>29079881.699999999</v>
      </c>
      <c r="F50" s="6">
        <v>71.11</v>
      </c>
      <c r="G50" s="6">
        <v>25206997.390000001</v>
      </c>
      <c r="H50" s="6">
        <v>63.86</v>
      </c>
      <c r="I50" s="6">
        <v>21323723.379999999</v>
      </c>
      <c r="J50" s="6">
        <v>56.95</v>
      </c>
    </row>
    <row r="51" spans="1:10" x14ac:dyDescent="0.25">
      <c r="A51" s="2" t="s">
        <v>89</v>
      </c>
      <c r="B51" s="4" t="s">
        <v>1016</v>
      </c>
      <c r="C51" s="7">
        <v>18737500</v>
      </c>
      <c r="D51" s="7">
        <v>56212851</v>
      </c>
      <c r="E51" s="7">
        <v>27859731.050000001</v>
      </c>
      <c r="F51" s="7">
        <v>49.56</v>
      </c>
      <c r="G51" s="7">
        <v>24009642.739999998</v>
      </c>
      <c r="H51" s="7">
        <v>42.71</v>
      </c>
      <c r="I51" s="7">
        <v>20126368.73</v>
      </c>
      <c r="J51" s="7">
        <v>35.799999999999997</v>
      </c>
    </row>
    <row r="52" spans="1:10" x14ac:dyDescent="0.25">
      <c r="A52" s="2" t="s">
        <v>91</v>
      </c>
      <c r="B52" s="4" t="s">
        <v>1019</v>
      </c>
      <c r="C52" s="7">
        <v>1120500</v>
      </c>
      <c r="D52" s="7">
        <v>5661322</v>
      </c>
      <c r="E52" s="7">
        <v>1220150.6499999999</v>
      </c>
      <c r="F52" s="7">
        <v>21.55</v>
      </c>
      <c r="G52" s="7">
        <v>1197354.6499999999</v>
      </c>
      <c r="H52" s="7">
        <v>21.15</v>
      </c>
      <c r="I52" s="7">
        <v>1197354.6499999999</v>
      </c>
      <c r="J52" s="7">
        <v>21.15</v>
      </c>
    </row>
    <row r="53" spans="1:10" x14ac:dyDescent="0.25">
      <c r="A53" s="3" t="s">
        <v>93</v>
      </c>
      <c r="B53" s="5" t="s">
        <v>1023</v>
      </c>
      <c r="C53" s="6">
        <v>34293200</v>
      </c>
      <c r="D53" s="6">
        <v>34293200</v>
      </c>
      <c r="E53" s="6">
        <v>20313847.600000001</v>
      </c>
      <c r="F53" s="6">
        <v>59.24</v>
      </c>
      <c r="G53" s="6">
        <v>17038310.140000001</v>
      </c>
      <c r="H53" s="6">
        <v>49.68</v>
      </c>
      <c r="I53" s="6">
        <v>17038310.140000001</v>
      </c>
      <c r="J53" s="6">
        <v>49.68</v>
      </c>
    </row>
    <row r="54" spans="1:10" x14ac:dyDescent="0.25">
      <c r="A54" s="2" t="s">
        <v>95</v>
      </c>
      <c r="B54" s="4" t="s">
        <v>1016</v>
      </c>
      <c r="C54" s="7">
        <v>34293200</v>
      </c>
      <c r="D54" s="7">
        <v>34293200</v>
      </c>
      <c r="E54" s="7">
        <v>20313847.600000001</v>
      </c>
      <c r="F54" s="7">
        <v>59.24</v>
      </c>
      <c r="G54" s="7">
        <v>17038310.140000001</v>
      </c>
      <c r="H54" s="7">
        <v>49.68</v>
      </c>
      <c r="I54" s="7">
        <v>17038310.140000001</v>
      </c>
      <c r="J54" s="7">
        <v>49.68</v>
      </c>
    </row>
    <row r="55" spans="1:10" x14ac:dyDescent="0.25">
      <c r="A55" s="2" t="s">
        <v>97</v>
      </c>
      <c r="B55" s="4" t="s">
        <v>1019</v>
      </c>
      <c r="C55" s="7">
        <v>0</v>
      </c>
      <c r="D55" s="7">
        <v>0</v>
      </c>
      <c r="E55" s="7">
        <v>0</v>
      </c>
      <c r="F55" s="7">
        <v>0</v>
      </c>
      <c r="G55" s="7">
        <v>0</v>
      </c>
      <c r="H55" s="7">
        <v>0</v>
      </c>
      <c r="I55" s="7">
        <v>0</v>
      </c>
      <c r="J55" s="7">
        <v>0</v>
      </c>
    </row>
    <row r="56" spans="1:10" x14ac:dyDescent="0.25">
      <c r="A56" s="3" t="s">
        <v>99</v>
      </c>
      <c r="B56" s="5" t="s">
        <v>1024</v>
      </c>
      <c r="C56" s="6">
        <v>365084900</v>
      </c>
      <c r="D56" s="6">
        <v>517413159.97000003</v>
      </c>
      <c r="E56" s="6">
        <v>377187366.12</v>
      </c>
      <c r="F56" s="6">
        <v>115.31</v>
      </c>
      <c r="G56" s="6">
        <v>366760659.08999997</v>
      </c>
      <c r="H56" s="6">
        <v>111.34</v>
      </c>
      <c r="I56" s="6">
        <v>351022118.31</v>
      </c>
      <c r="J56" s="6">
        <v>107.77</v>
      </c>
    </row>
    <row r="57" spans="1:10" x14ac:dyDescent="0.25">
      <c r="A57" s="2" t="s">
        <v>101</v>
      </c>
      <c r="B57" s="4" t="s">
        <v>1016</v>
      </c>
      <c r="C57" s="7">
        <v>347561900</v>
      </c>
      <c r="D57" s="7">
        <v>479471655.97000003</v>
      </c>
      <c r="E57" s="7">
        <v>362092323.81</v>
      </c>
      <c r="F57" s="7">
        <v>75.52</v>
      </c>
      <c r="G57" s="7">
        <v>352402695.22000003</v>
      </c>
      <c r="H57" s="7">
        <v>73.5</v>
      </c>
      <c r="I57" s="7">
        <v>336783820.44</v>
      </c>
      <c r="J57" s="7">
        <v>70.239999999999995</v>
      </c>
    </row>
    <row r="58" spans="1:10" x14ac:dyDescent="0.25">
      <c r="A58" s="2" t="s">
        <v>103</v>
      </c>
      <c r="B58" s="4" t="s">
        <v>1019</v>
      </c>
      <c r="C58" s="7">
        <v>17523000</v>
      </c>
      <c r="D58" s="7">
        <v>37941504</v>
      </c>
      <c r="E58" s="7">
        <v>15095042.310000001</v>
      </c>
      <c r="F58" s="7">
        <v>39.79</v>
      </c>
      <c r="G58" s="7">
        <v>14357963.869999999</v>
      </c>
      <c r="H58" s="7">
        <v>37.840000000000003</v>
      </c>
      <c r="I58" s="7">
        <v>14238297.869999999</v>
      </c>
      <c r="J58" s="7">
        <v>37.53</v>
      </c>
    </row>
    <row r="59" spans="1:10" x14ac:dyDescent="0.25">
      <c r="A59" s="3" t="s">
        <v>105</v>
      </c>
      <c r="B59" s="5" t="s">
        <v>1025</v>
      </c>
      <c r="C59" s="6">
        <v>1257383100</v>
      </c>
      <c r="D59" s="6">
        <v>1479854172.97</v>
      </c>
      <c r="E59" s="6">
        <v>816021141.78999996</v>
      </c>
      <c r="F59" s="6">
        <v>55.14</v>
      </c>
      <c r="G59" s="6">
        <v>711901287.21000004</v>
      </c>
      <c r="H59" s="6">
        <v>48.11</v>
      </c>
      <c r="I59" s="6">
        <v>669427688.99000001</v>
      </c>
      <c r="J59" s="6">
        <v>45.24</v>
      </c>
    </row>
    <row r="61" spans="1:10" x14ac:dyDescent="0.25">
      <c r="A61" s="8" t="s">
        <v>6</v>
      </c>
      <c r="B61" s="8" t="s">
        <v>1026</v>
      </c>
      <c r="C61" s="8" t="s">
        <v>1027</v>
      </c>
      <c r="D61" s="8" t="s">
        <v>1028</v>
      </c>
      <c r="E61" s="8" t="s">
        <v>1029</v>
      </c>
    </row>
    <row r="62" spans="1:10" x14ac:dyDescent="0.25">
      <c r="A62" s="8" t="s">
        <v>7</v>
      </c>
      <c r="B62" s="8" t="s">
        <v>7</v>
      </c>
      <c r="C62" s="8" t="s">
        <v>7</v>
      </c>
      <c r="D62" s="8" t="s">
        <v>7</v>
      </c>
      <c r="E62" s="8" t="s">
        <v>7</v>
      </c>
    </row>
    <row r="63" spans="1:10" x14ac:dyDescent="0.25">
      <c r="A63" s="2" t="s">
        <v>107</v>
      </c>
      <c r="B63" s="4" t="s">
        <v>1030</v>
      </c>
      <c r="C63" s="7">
        <v>816021141.78999996</v>
      </c>
      <c r="D63" s="7">
        <v>711901287.21000004</v>
      </c>
      <c r="E63" s="7">
        <v>669427688.99000001</v>
      </c>
    </row>
    <row r="64" spans="1:10" x14ac:dyDescent="0.25">
      <c r="A64" s="2" t="s">
        <v>109</v>
      </c>
      <c r="B64" s="4" t="s">
        <v>1031</v>
      </c>
      <c r="C64" s="7">
        <v>0</v>
      </c>
      <c r="D64" s="7">
        <v>0</v>
      </c>
      <c r="E64" s="7">
        <v>0</v>
      </c>
    </row>
    <row r="65" spans="1:5" x14ac:dyDescent="0.25">
      <c r="A65" s="2" t="s">
        <v>111</v>
      </c>
      <c r="B65" s="4" t="s">
        <v>1032</v>
      </c>
      <c r="C65" s="7">
        <v>0</v>
      </c>
      <c r="D65" s="7">
        <v>0</v>
      </c>
      <c r="E65" s="7">
        <v>0</v>
      </c>
    </row>
    <row r="66" spans="1:5" x14ac:dyDescent="0.25">
      <c r="A66" s="2" t="s">
        <v>113</v>
      </c>
      <c r="B66" s="4" t="s">
        <v>1033</v>
      </c>
      <c r="C66" s="7">
        <v>0</v>
      </c>
      <c r="D66" s="7">
        <v>0</v>
      </c>
      <c r="E66" s="7">
        <v>0</v>
      </c>
    </row>
    <row r="67" spans="1:5" x14ac:dyDescent="0.25">
      <c r="A67" s="2" t="s">
        <v>115</v>
      </c>
      <c r="B67" s="4" t="s">
        <v>1034</v>
      </c>
      <c r="C67" s="7">
        <v>816021141.78999996</v>
      </c>
      <c r="D67" s="7">
        <v>711901287.21000004</v>
      </c>
      <c r="E67" s="7">
        <v>669427688.99000001</v>
      </c>
    </row>
    <row r="69" spans="1:5" x14ac:dyDescent="0.25">
      <c r="A69" s="8" t="s">
        <v>6</v>
      </c>
      <c r="B69" s="8" t="s">
        <v>1035</v>
      </c>
      <c r="C69" s="8" t="s">
        <v>1036</v>
      </c>
    </row>
    <row r="70" spans="1:5" x14ac:dyDescent="0.25">
      <c r="A70" s="8" t="s">
        <v>7</v>
      </c>
      <c r="B70" s="8" t="s">
        <v>7</v>
      </c>
      <c r="C70" s="8" t="s">
        <v>7</v>
      </c>
    </row>
    <row r="71" spans="1:5" x14ac:dyDescent="0.25">
      <c r="A71" s="2" t="s">
        <v>117</v>
      </c>
      <c r="B71" s="4" t="s">
        <v>1037</v>
      </c>
      <c r="C71" s="7">
        <v>766269842.53999996</v>
      </c>
    </row>
    <row r="72" spans="1:5" x14ac:dyDescent="0.25">
      <c r="A72" s="2" t="s">
        <v>119</v>
      </c>
      <c r="B72" s="4" t="s">
        <v>1038</v>
      </c>
      <c r="C72" s="7">
        <v>0</v>
      </c>
    </row>
    <row r="74" spans="1:5" x14ac:dyDescent="0.25">
      <c r="A74" s="8" t="s">
        <v>6</v>
      </c>
      <c r="B74" s="8" t="s">
        <v>1039</v>
      </c>
      <c r="C74" s="8" t="s">
        <v>1027</v>
      </c>
      <c r="D74" s="8" t="s">
        <v>1028</v>
      </c>
      <c r="E74" s="8" t="s">
        <v>1029</v>
      </c>
    </row>
    <row r="75" spans="1:5" x14ac:dyDescent="0.25">
      <c r="A75" s="8" t="s">
        <v>7</v>
      </c>
      <c r="B75" s="8" t="s">
        <v>7</v>
      </c>
      <c r="C75" s="8" t="s">
        <v>7</v>
      </c>
      <c r="D75" s="8" t="s">
        <v>7</v>
      </c>
      <c r="E75" s="8" t="s">
        <v>7</v>
      </c>
    </row>
    <row r="76" spans="1:5" x14ac:dyDescent="0.25">
      <c r="A76" s="2" t="s">
        <v>120</v>
      </c>
      <c r="B76" s="4" t="s">
        <v>1040</v>
      </c>
      <c r="C76" s="7">
        <v>49751299.25</v>
      </c>
      <c r="D76" s="7">
        <v>-54368555.329999998</v>
      </c>
      <c r="E76" s="7">
        <v>-96842153.549999997</v>
      </c>
    </row>
    <row r="78" spans="1:5" x14ac:dyDescent="0.25">
      <c r="A78" s="8" t="s">
        <v>6</v>
      </c>
      <c r="B78" s="8" t="s">
        <v>1041</v>
      </c>
      <c r="C78" s="8" t="s">
        <v>1041</v>
      </c>
    </row>
    <row r="79" spans="1:5" x14ac:dyDescent="0.25">
      <c r="A79" s="8" t="s">
        <v>7</v>
      </c>
      <c r="B79" s="8" t="s">
        <v>7</v>
      </c>
      <c r="C79" s="8" t="s">
        <v>7</v>
      </c>
    </row>
    <row r="80" spans="1:5" x14ac:dyDescent="0.25">
      <c r="A80" s="2" t="s">
        <v>121</v>
      </c>
      <c r="B80" s="4" t="s">
        <v>1042</v>
      </c>
      <c r="C80" s="7">
        <v>-54368555.329999998</v>
      </c>
    </row>
    <row r="82" spans="1:12" x14ac:dyDescent="0.25">
      <c r="A82" s="8" t="s">
        <v>6</v>
      </c>
      <c r="B82" s="8" t="s">
        <v>1043</v>
      </c>
      <c r="C82" s="8" t="s">
        <v>1027</v>
      </c>
      <c r="D82" s="8" t="s">
        <v>1028</v>
      </c>
    </row>
    <row r="83" spans="1:12" x14ac:dyDescent="0.25">
      <c r="A83" s="8" t="s">
        <v>7</v>
      </c>
      <c r="B83" s="8" t="s">
        <v>7</v>
      </c>
      <c r="C83" s="8" t="s">
        <v>7</v>
      </c>
      <c r="D83" s="8" t="s">
        <v>7</v>
      </c>
    </row>
    <row r="84" spans="1:12" x14ac:dyDescent="0.25">
      <c r="A84" s="2" t="s">
        <v>122</v>
      </c>
      <c r="B84" s="4" t="s">
        <v>1044</v>
      </c>
      <c r="C84" s="7">
        <v>12.78</v>
      </c>
      <c r="D84" s="7">
        <v>11.15</v>
      </c>
    </row>
    <row r="86" spans="1:12" x14ac:dyDescent="0.25">
      <c r="A86" s="8" t="s">
        <v>6</v>
      </c>
      <c r="B86" s="8" t="s">
        <v>1045</v>
      </c>
      <c r="C86" s="8" t="s">
        <v>1046</v>
      </c>
      <c r="D86" s="8" t="s">
        <v>1047</v>
      </c>
      <c r="E86" s="8" t="s">
        <v>7</v>
      </c>
      <c r="F86" s="8" t="s">
        <v>7</v>
      </c>
      <c r="G86" s="8" t="s">
        <v>1051</v>
      </c>
    </row>
    <row r="87" spans="1:12" x14ac:dyDescent="0.25">
      <c r="A87" s="8" t="s">
        <v>7</v>
      </c>
      <c r="B87" s="8" t="s">
        <v>7</v>
      </c>
      <c r="C87" s="8" t="s">
        <v>7</v>
      </c>
      <c r="D87" s="1" t="s">
        <v>1048</v>
      </c>
      <c r="E87" s="1" t="s">
        <v>1049</v>
      </c>
      <c r="F87" s="1" t="s">
        <v>1050</v>
      </c>
      <c r="G87" s="8" t="s">
        <v>7</v>
      </c>
    </row>
    <row r="88" spans="1:12" x14ac:dyDescent="0.25">
      <c r="A88" s="2" t="s">
        <v>123</v>
      </c>
      <c r="B88" s="4" t="s">
        <v>1052</v>
      </c>
      <c r="C88" s="7">
        <v>0</v>
      </c>
      <c r="D88" s="7">
        <v>0</v>
      </c>
      <c r="E88" s="7">
        <v>0</v>
      </c>
      <c r="F88" s="7">
        <v>0</v>
      </c>
      <c r="G88" s="7">
        <v>0</v>
      </c>
    </row>
    <row r="89" spans="1:12" x14ac:dyDescent="0.25">
      <c r="A89" s="2" t="s">
        <v>124</v>
      </c>
      <c r="B89" s="4" t="s">
        <v>1053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</row>
    <row r="90" spans="1:12" x14ac:dyDescent="0.25">
      <c r="A90" s="2" t="s">
        <v>125</v>
      </c>
      <c r="B90" s="4" t="s">
        <v>1054</v>
      </c>
      <c r="C90" s="7">
        <v>0</v>
      </c>
      <c r="D90" s="7">
        <v>0</v>
      </c>
      <c r="E90" s="7">
        <v>0</v>
      </c>
      <c r="F90" s="7">
        <v>0</v>
      </c>
      <c r="G90" s="7">
        <v>0</v>
      </c>
    </row>
    <row r="91" spans="1:12" x14ac:dyDescent="0.25">
      <c r="A91" s="2" t="s">
        <v>126</v>
      </c>
      <c r="B91" s="4" t="s">
        <v>1055</v>
      </c>
      <c r="C91" s="7">
        <v>0</v>
      </c>
      <c r="D91" s="7">
        <v>0</v>
      </c>
      <c r="E91" s="7">
        <v>0</v>
      </c>
      <c r="F91" s="7">
        <v>0</v>
      </c>
      <c r="G91" s="7">
        <v>0</v>
      </c>
    </row>
    <row r="93" spans="1:12" x14ac:dyDescent="0.25">
      <c r="A93" s="8" t="s">
        <v>6</v>
      </c>
      <c r="B93" s="8" t="s">
        <v>1056</v>
      </c>
      <c r="C93" s="8" t="s">
        <v>1057</v>
      </c>
      <c r="D93" s="8" t="s">
        <v>1058</v>
      </c>
      <c r="E93" s="8" t="s">
        <v>1059</v>
      </c>
      <c r="F93" s="8" t="s">
        <v>1060</v>
      </c>
      <c r="G93" s="8" t="s">
        <v>1061</v>
      </c>
      <c r="H93" s="8" t="s">
        <v>1062</v>
      </c>
      <c r="I93" s="8" t="s">
        <v>1063</v>
      </c>
      <c r="J93" s="8" t="s">
        <v>1064</v>
      </c>
      <c r="K93" s="8" t="s">
        <v>1065</v>
      </c>
      <c r="L93" s="8" t="s">
        <v>1066</v>
      </c>
    </row>
    <row r="94" spans="1:12" x14ac:dyDescent="0.25">
      <c r="A94" s="8" t="s">
        <v>7</v>
      </c>
      <c r="B94" s="8" t="s">
        <v>7</v>
      </c>
      <c r="C94" s="8" t="s">
        <v>7</v>
      </c>
      <c r="D94" s="8" t="s">
        <v>7</v>
      </c>
      <c r="E94" s="8" t="s">
        <v>7</v>
      </c>
      <c r="F94" s="8" t="s">
        <v>7</v>
      </c>
      <c r="G94" s="8" t="s">
        <v>7</v>
      </c>
      <c r="H94" s="8" t="s">
        <v>7</v>
      </c>
      <c r="I94" s="8" t="s">
        <v>7</v>
      </c>
      <c r="J94" s="8" t="s">
        <v>7</v>
      </c>
      <c r="K94" s="8" t="s">
        <v>7</v>
      </c>
      <c r="L94" s="8" t="s">
        <v>7</v>
      </c>
    </row>
    <row r="95" spans="1:12" x14ac:dyDescent="0.25">
      <c r="A95" s="2" t="s">
        <v>127</v>
      </c>
      <c r="B95" s="4" t="s">
        <v>1067</v>
      </c>
      <c r="C95" s="7">
        <v>0</v>
      </c>
      <c r="D95" s="7">
        <v>0</v>
      </c>
      <c r="E95" s="7">
        <v>0</v>
      </c>
      <c r="F95" s="7">
        <v>0</v>
      </c>
      <c r="G95" s="7">
        <v>0</v>
      </c>
      <c r="H95" s="7">
        <v>0</v>
      </c>
      <c r="I95" s="7">
        <v>0</v>
      </c>
      <c r="J95" s="7">
        <v>0</v>
      </c>
      <c r="K95" s="7">
        <v>0</v>
      </c>
      <c r="L95" s="7">
        <v>0</v>
      </c>
    </row>
    <row r="96" spans="1:12" x14ac:dyDescent="0.25">
      <c r="A96" s="2" t="s">
        <v>129</v>
      </c>
      <c r="B96" s="4" t="s">
        <v>1068</v>
      </c>
      <c r="C96" s="7">
        <v>0</v>
      </c>
      <c r="D96" s="7">
        <v>0</v>
      </c>
      <c r="E96" s="7">
        <v>0</v>
      </c>
      <c r="F96" s="7">
        <v>0</v>
      </c>
      <c r="G96" s="7">
        <v>0</v>
      </c>
      <c r="H96" s="7">
        <v>0</v>
      </c>
      <c r="I96" s="7">
        <v>0</v>
      </c>
      <c r="J96" s="7">
        <v>0</v>
      </c>
      <c r="K96" s="7">
        <v>0</v>
      </c>
      <c r="L96" s="7">
        <v>0</v>
      </c>
    </row>
    <row r="97" spans="1:12" x14ac:dyDescent="0.25">
      <c r="A97" s="2" t="s">
        <v>131</v>
      </c>
      <c r="B97" s="4" t="s">
        <v>1069</v>
      </c>
      <c r="C97" s="7">
        <v>0</v>
      </c>
      <c r="D97" s="7">
        <v>0</v>
      </c>
      <c r="E97" s="7">
        <v>0</v>
      </c>
      <c r="F97" s="7">
        <v>0</v>
      </c>
      <c r="G97" s="7">
        <v>0</v>
      </c>
      <c r="H97" s="7">
        <v>0</v>
      </c>
      <c r="I97" s="7">
        <v>0</v>
      </c>
      <c r="J97" s="7">
        <v>0</v>
      </c>
      <c r="K97" s="7">
        <v>0</v>
      </c>
      <c r="L97" s="7">
        <v>0</v>
      </c>
    </row>
    <row r="98" spans="1:12" x14ac:dyDescent="0.25">
      <c r="A98" s="2" t="s">
        <v>133</v>
      </c>
      <c r="B98" s="4" t="s">
        <v>1070</v>
      </c>
      <c r="C98" s="7">
        <v>0</v>
      </c>
      <c r="D98" s="7">
        <v>0</v>
      </c>
      <c r="E98" s="7">
        <v>0</v>
      </c>
      <c r="F98" s="7">
        <v>0</v>
      </c>
      <c r="G98" s="7">
        <v>0</v>
      </c>
      <c r="H98" s="7">
        <v>0</v>
      </c>
      <c r="I98" s="7">
        <v>0</v>
      </c>
      <c r="J98" s="7">
        <v>0</v>
      </c>
      <c r="K98" s="7">
        <v>0</v>
      </c>
      <c r="L98" s="7">
        <v>0</v>
      </c>
    </row>
    <row r="99" spans="1:12" x14ac:dyDescent="0.25">
      <c r="A99" s="2" t="s">
        <v>135</v>
      </c>
      <c r="B99" s="4" t="s">
        <v>1071</v>
      </c>
      <c r="C99" s="7">
        <v>0</v>
      </c>
      <c r="D99" s="7">
        <v>0</v>
      </c>
      <c r="E99" s="7">
        <v>0</v>
      </c>
      <c r="F99" s="7">
        <v>0</v>
      </c>
      <c r="G99" s="7">
        <v>0</v>
      </c>
      <c r="H99" s="7">
        <v>0</v>
      </c>
      <c r="I99" s="7">
        <v>0</v>
      </c>
      <c r="J99" s="7">
        <v>0</v>
      </c>
      <c r="K99" s="7">
        <v>0</v>
      </c>
      <c r="L99" s="7">
        <v>0</v>
      </c>
    </row>
    <row r="101" spans="1:12" x14ac:dyDescent="0.25">
      <c r="A101" s="8" t="s">
        <v>6</v>
      </c>
      <c r="B101" s="8" t="s">
        <v>1072</v>
      </c>
      <c r="C101" s="8" t="s">
        <v>728</v>
      </c>
    </row>
    <row r="102" spans="1:12" x14ac:dyDescent="0.25">
      <c r="A102" s="8" t="s">
        <v>7</v>
      </c>
      <c r="B102" s="8" t="s">
        <v>7</v>
      </c>
      <c r="C102" s="8" t="s">
        <v>7</v>
      </c>
    </row>
    <row r="103" spans="1:12" x14ac:dyDescent="0.25">
      <c r="A103" s="2" t="s">
        <v>137</v>
      </c>
      <c r="B103" s="4" t="s">
        <v>1073</v>
      </c>
      <c r="C103" s="7">
        <v>0</v>
      </c>
    </row>
    <row r="104" spans="1:12" x14ac:dyDescent="0.25">
      <c r="A104" s="2" t="s">
        <v>139</v>
      </c>
      <c r="B104" s="4" t="s">
        <v>1074</v>
      </c>
      <c r="C104" s="7">
        <v>0</v>
      </c>
    </row>
    <row r="105" spans="1:12" x14ac:dyDescent="0.25">
      <c r="A105" s="2" t="s">
        <v>141</v>
      </c>
      <c r="B105" s="4" t="s">
        <v>1075</v>
      </c>
      <c r="C105" s="7">
        <v>0</v>
      </c>
    </row>
    <row r="107" spans="1:12" x14ac:dyDescent="0.25">
      <c r="A107" s="8" t="s">
        <v>6</v>
      </c>
      <c r="B107" s="8" t="s">
        <v>1076</v>
      </c>
      <c r="C107" s="8" t="s">
        <v>1077</v>
      </c>
      <c r="D107" s="8" t="s">
        <v>1047</v>
      </c>
      <c r="E107" s="8" t="s">
        <v>7</v>
      </c>
      <c r="F107" s="8" t="s">
        <v>7</v>
      </c>
      <c r="G107" s="8" t="s">
        <v>1081</v>
      </c>
    </row>
    <row r="108" spans="1:12" x14ac:dyDescent="0.25">
      <c r="A108" s="8" t="s">
        <v>7</v>
      </c>
      <c r="B108" s="8" t="s">
        <v>7</v>
      </c>
      <c r="C108" s="8" t="s">
        <v>7</v>
      </c>
      <c r="D108" s="1" t="s">
        <v>1078</v>
      </c>
      <c r="E108" s="1" t="s">
        <v>1079</v>
      </c>
      <c r="F108" s="1" t="s">
        <v>1080</v>
      </c>
      <c r="G108" s="8" t="s">
        <v>7</v>
      </c>
    </row>
    <row r="109" spans="1:12" x14ac:dyDescent="0.25">
      <c r="A109" s="2" t="s">
        <v>143</v>
      </c>
      <c r="B109" s="4" t="s">
        <v>1082</v>
      </c>
      <c r="C109" s="7">
        <v>0</v>
      </c>
      <c r="D109" s="7">
        <v>0</v>
      </c>
      <c r="E109" s="7">
        <v>0</v>
      </c>
      <c r="F109" s="7">
        <v>0</v>
      </c>
      <c r="G109" s="7">
        <v>0</v>
      </c>
    </row>
    <row r="110" spans="1:12" x14ac:dyDescent="0.25">
      <c r="A110" s="2" t="s">
        <v>145</v>
      </c>
      <c r="B110" s="4" t="s">
        <v>1083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</row>
    <row r="111" spans="1:12" x14ac:dyDescent="0.25">
      <c r="A111" s="2" t="s">
        <v>147</v>
      </c>
      <c r="B111" s="4" t="s">
        <v>1084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</row>
    <row r="112" spans="1:12" x14ac:dyDescent="0.25">
      <c r="A112" s="2" t="s">
        <v>149</v>
      </c>
      <c r="B112" s="4" t="s">
        <v>1085</v>
      </c>
      <c r="C112" s="7">
        <v>0</v>
      </c>
      <c r="D112" s="7">
        <v>0</v>
      </c>
      <c r="E112" s="7">
        <v>0</v>
      </c>
      <c r="F112" s="7">
        <v>0</v>
      </c>
      <c r="G112" s="7">
        <v>0</v>
      </c>
    </row>
    <row r="114" spans="1:10" x14ac:dyDescent="0.25">
      <c r="A114" s="8" t="s">
        <v>6</v>
      </c>
      <c r="B114" s="8" t="s">
        <v>1086</v>
      </c>
      <c r="C114" s="8" t="s">
        <v>9</v>
      </c>
      <c r="D114" s="8" t="s">
        <v>10</v>
      </c>
      <c r="E114" s="8" t="s">
        <v>11</v>
      </c>
      <c r="F114" s="8" t="s">
        <v>11</v>
      </c>
    </row>
    <row r="115" spans="1:10" ht="21" x14ac:dyDescent="0.25">
      <c r="A115" s="8" t="s">
        <v>7</v>
      </c>
      <c r="B115" s="8" t="s">
        <v>7</v>
      </c>
      <c r="C115" s="8" t="s">
        <v>7</v>
      </c>
      <c r="D115" s="8" t="s">
        <v>7</v>
      </c>
      <c r="E115" s="1" t="s">
        <v>1087</v>
      </c>
      <c r="F115" s="1" t="s">
        <v>985</v>
      </c>
    </row>
    <row r="116" spans="1:10" x14ac:dyDescent="0.25">
      <c r="A116" s="3" t="s">
        <v>151</v>
      </c>
      <c r="B116" s="5" t="s">
        <v>1088</v>
      </c>
      <c r="C116" s="6">
        <v>348143100</v>
      </c>
      <c r="D116" s="6">
        <v>348143100</v>
      </c>
      <c r="E116" s="6">
        <v>125197569.23999999</v>
      </c>
      <c r="F116" s="6">
        <v>35.96</v>
      </c>
    </row>
    <row r="117" spans="1:10" x14ac:dyDescent="0.25">
      <c r="A117" s="2" t="s">
        <v>152</v>
      </c>
      <c r="B117" s="4" t="s">
        <v>1089</v>
      </c>
      <c r="C117" s="7">
        <v>348143100</v>
      </c>
      <c r="D117" s="7">
        <v>348143100</v>
      </c>
      <c r="E117" s="7">
        <v>125197569.23999999</v>
      </c>
      <c r="F117" s="7">
        <v>35.96</v>
      </c>
    </row>
    <row r="118" spans="1:10" x14ac:dyDescent="0.25">
      <c r="A118" s="2" t="s">
        <v>153</v>
      </c>
      <c r="B118" s="4" t="s">
        <v>1090</v>
      </c>
      <c r="C118" s="7">
        <v>0</v>
      </c>
      <c r="D118" s="7">
        <v>0</v>
      </c>
      <c r="E118" s="7">
        <v>0</v>
      </c>
      <c r="F118" s="7">
        <v>0</v>
      </c>
    </row>
    <row r="119" spans="1:10" x14ac:dyDescent="0.25">
      <c r="A119" s="2" t="s">
        <v>155</v>
      </c>
      <c r="B119" s="4" t="s">
        <v>1091</v>
      </c>
      <c r="C119" s="7">
        <v>0</v>
      </c>
      <c r="D119" s="7">
        <v>0</v>
      </c>
      <c r="E119" s="7">
        <v>0</v>
      </c>
      <c r="F119" s="7">
        <v>0</v>
      </c>
    </row>
    <row r="120" spans="1:10" x14ac:dyDescent="0.25">
      <c r="A120" s="2" t="s">
        <v>157</v>
      </c>
      <c r="B120" s="4" t="s">
        <v>1092</v>
      </c>
      <c r="C120" s="7">
        <v>0</v>
      </c>
      <c r="D120" s="7">
        <v>0</v>
      </c>
      <c r="E120" s="7">
        <v>0</v>
      </c>
      <c r="F120" s="7">
        <v>0</v>
      </c>
    </row>
    <row r="121" spans="1:10" x14ac:dyDescent="0.25">
      <c r="A121" s="2" t="s">
        <v>159</v>
      </c>
      <c r="B121" s="4" t="s">
        <v>1093</v>
      </c>
      <c r="C121" s="7">
        <v>711200</v>
      </c>
      <c r="D121" s="7">
        <v>711200</v>
      </c>
      <c r="E121" s="7">
        <v>33653.279999999999</v>
      </c>
      <c r="F121" s="7">
        <v>4.7300000000000004</v>
      </c>
    </row>
    <row r="122" spans="1:10" x14ac:dyDescent="0.25">
      <c r="A122" s="3" t="s">
        <v>161</v>
      </c>
      <c r="B122" s="5" t="s">
        <v>1094</v>
      </c>
      <c r="C122" s="6">
        <v>348854300</v>
      </c>
      <c r="D122" s="6">
        <v>348854300</v>
      </c>
      <c r="E122" s="6">
        <v>125231222.52</v>
      </c>
      <c r="F122" s="6">
        <v>35.9</v>
      </c>
    </row>
    <row r="124" spans="1:10" x14ac:dyDescent="0.25">
      <c r="A124" s="8" t="s">
        <v>6</v>
      </c>
      <c r="B124" s="8" t="s">
        <v>1095</v>
      </c>
      <c r="C124" s="8" t="s">
        <v>369</v>
      </c>
      <c r="D124" s="8" t="s">
        <v>576</v>
      </c>
      <c r="E124" s="8" t="s">
        <v>168</v>
      </c>
      <c r="F124" s="8" t="s">
        <v>7</v>
      </c>
      <c r="G124" s="8" t="s">
        <v>172</v>
      </c>
      <c r="H124" s="8" t="s">
        <v>7</v>
      </c>
      <c r="I124" s="8" t="s">
        <v>1013</v>
      </c>
      <c r="J124" s="8" t="s">
        <v>1013</v>
      </c>
    </row>
    <row r="125" spans="1:10" ht="21" x14ac:dyDescent="0.25">
      <c r="A125" s="8" t="s">
        <v>7</v>
      </c>
      <c r="B125" s="8" t="s">
        <v>7</v>
      </c>
      <c r="C125" s="8" t="s">
        <v>7</v>
      </c>
      <c r="D125" s="8" t="s">
        <v>7</v>
      </c>
      <c r="E125" s="1" t="s">
        <v>374</v>
      </c>
      <c r="F125" s="1" t="s">
        <v>1010</v>
      </c>
      <c r="G125" s="1" t="s">
        <v>1011</v>
      </c>
      <c r="H125" s="1" t="s">
        <v>1012</v>
      </c>
      <c r="I125" s="1" t="s">
        <v>170</v>
      </c>
      <c r="J125" s="1" t="s">
        <v>1014</v>
      </c>
    </row>
    <row r="126" spans="1:10" x14ac:dyDescent="0.25">
      <c r="A126" s="3" t="s">
        <v>163</v>
      </c>
      <c r="B126" s="5" t="s">
        <v>1096</v>
      </c>
      <c r="C126" s="6">
        <v>0</v>
      </c>
      <c r="D126" s="6">
        <v>0</v>
      </c>
      <c r="E126" s="6">
        <v>0</v>
      </c>
      <c r="F126" s="6">
        <v>0</v>
      </c>
      <c r="G126" s="6">
        <v>0</v>
      </c>
      <c r="H126" s="6">
        <v>0</v>
      </c>
      <c r="I126" s="6">
        <v>0</v>
      </c>
      <c r="J126" s="6">
        <v>0</v>
      </c>
    </row>
    <row r="127" spans="1:10" x14ac:dyDescent="0.25">
      <c r="A127" s="2" t="s">
        <v>176</v>
      </c>
      <c r="B127" s="4" t="s">
        <v>1016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  <c r="J127" s="7">
        <v>0</v>
      </c>
    </row>
    <row r="128" spans="1:10" x14ac:dyDescent="0.25">
      <c r="A128" s="2" t="s">
        <v>178</v>
      </c>
      <c r="B128" s="4" t="s">
        <v>1017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  <c r="I128" s="7">
        <v>0</v>
      </c>
      <c r="J128" s="7">
        <v>0</v>
      </c>
    </row>
    <row r="129" spans="1:10" x14ac:dyDescent="0.25">
      <c r="A129" s="3" t="s">
        <v>180</v>
      </c>
      <c r="B129" s="5" t="s">
        <v>1097</v>
      </c>
      <c r="C129" s="6">
        <v>280942400</v>
      </c>
      <c r="D129" s="6">
        <v>390385179.66000003</v>
      </c>
      <c r="E129" s="6">
        <v>102012470.81999999</v>
      </c>
      <c r="F129" s="6">
        <v>26.13</v>
      </c>
      <c r="G129" s="6">
        <v>76032998.370000005</v>
      </c>
      <c r="H129" s="6">
        <v>19.48</v>
      </c>
      <c r="I129" s="6">
        <v>75631949.5</v>
      </c>
      <c r="J129" s="6">
        <v>19.37</v>
      </c>
    </row>
    <row r="130" spans="1:10" x14ac:dyDescent="0.25">
      <c r="A130" s="2" t="s">
        <v>182</v>
      </c>
      <c r="B130" s="4" t="s">
        <v>1016</v>
      </c>
      <c r="C130" s="7">
        <v>194523500</v>
      </c>
      <c r="D130" s="7">
        <v>220642223.25999999</v>
      </c>
      <c r="E130" s="7">
        <v>98729229.849999994</v>
      </c>
      <c r="F130" s="7">
        <v>44.75</v>
      </c>
      <c r="G130" s="7">
        <v>73918177.340000004</v>
      </c>
      <c r="H130" s="7">
        <v>33.5</v>
      </c>
      <c r="I130" s="7">
        <v>73517128.469999999</v>
      </c>
      <c r="J130" s="7">
        <v>33.32</v>
      </c>
    </row>
    <row r="131" spans="1:10" x14ac:dyDescent="0.25">
      <c r="A131" s="2" t="s">
        <v>184</v>
      </c>
      <c r="B131" s="4" t="s">
        <v>1019</v>
      </c>
      <c r="C131" s="7">
        <v>86418900</v>
      </c>
      <c r="D131" s="7">
        <v>169742956.40000001</v>
      </c>
      <c r="E131" s="7">
        <v>3283240.97</v>
      </c>
      <c r="F131" s="7">
        <v>1.93</v>
      </c>
      <c r="G131" s="7">
        <v>2114821.0299999998</v>
      </c>
      <c r="H131" s="7">
        <v>1.25</v>
      </c>
      <c r="I131" s="7">
        <v>2114821.0299999998</v>
      </c>
      <c r="J131" s="7">
        <v>1.25</v>
      </c>
    </row>
    <row r="132" spans="1:10" x14ac:dyDescent="0.25">
      <c r="A132" s="3" t="s">
        <v>186</v>
      </c>
      <c r="B132" s="5" t="s">
        <v>1098</v>
      </c>
      <c r="C132" s="6">
        <v>34133900</v>
      </c>
      <c r="D132" s="6">
        <v>35850100</v>
      </c>
      <c r="E132" s="6">
        <v>14382608.550000001</v>
      </c>
      <c r="F132" s="6">
        <v>40.119999999999997</v>
      </c>
      <c r="G132" s="6">
        <v>13436429.08</v>
      </c>
      <c r="H132" s="6">
        <v>37.479999999999997</v>
      </c>
      <c r="I132" s="6">
        <v>13384390.390000001</v>
      </c>
      <c r="J132" s="6">
        <v>37.33</v>
      </c>
    </row>
    <row r="133" spans="1:10" x14ac:dyDescent="0.25">
      <c r="A133" s="2" t="s">
        <v>188</v>
      </c>
      <c r="B133" s="4" t="s">
        <v>1016</v>
      </c>
      <c r="C133" s="7">
        <v>34133900</v>
      </c>
      <c r="D133" s="7">
        <v>35850100</v>
      </c>
      <c r="E133" s="7">
        <v>14382608.550000001</v>
      </c>
      <c r="F133" s="7">
        <v>40.119999999999997</v>
      </c>
      <c r="G133" s="7">
        <v>13436429.08</v>
      </c>
      <c r="H133" s="7">
        <v>37.479999999999997</v>
      </c>
      <c r="I133" s="7">
        <v>13384390.390000001</v>
      </c>
      <c r="J133" s="7">
        <v>37.33</v>
      </c>
    </row>
    <row r="134" spans="1:10" x14ac:dyDescent="0.25">
      <c r="A134" s="2" t="s">
        <v>190</v>
      </c>
      <c r="B134" s="4" t="s">
        <v>1019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  <c r="I134" s="7">
        <v>0</v>
      </c>
      <c r="J134" s="7">
        <v>0</v>
      </c>
    </row>
    <row r="135" spans="1:10" x14ac:dyDescent="0.25">
      <c r="A135" s="3" t="s">
        <v>192</v>
      </c>
      <c r="B135" s="5" t="s">
        <v>1099</v>
      </c>
      <c r="C135" s="6">
        <v>2131900</v>
      </c>
      <c r="D135" s="6">
        <v>2131900</v>
      </c>
      <c r="E135" s="6">
        <v>96360.02</v>
      </c>
      <c r="F135" s="6">
        <v>4.5199999999999996</v>
      </c>
      <c r="G135" s="6">
        <v>36674.9</v>
      </c>
      <c r="H135" s="6">
        <v>1.72</v>
      </c>
      <c r="I135" s="6">
        <v>36674.9</v>
      </c>
      <c r="J135" s="6">
        <v>1.72</v>
      </c>
    </row>
    <row r="136" spans="1:10" x14ac:dyDescent="0.25">
      <c r="A136" s="2" t="s">
        <v>194</v>
      </c>
      <c r="B136" s="4" t="s">
        <v>1016</v>
      </c>
      <c r="C136" s="7">
        <v>2131900</v>
      </c>
      <c r="D136" s="7">
        <v>2131900</v>
      </c>
      <c r="E136" s="7">
        <v>96360.02</v>
      </c>
      <c r="F136" s="7">
        <v>4.5199999999999996</v>
      </c>
      <c r="G136" s="7">
        <v>36674.9</v>
      </c>
      <c r="H136" s="7">
        <v>1.72</v>
      </c>
      <c r="I136" s="7">
        <v>36674.9</v>
      </c>
      <c r="J136" s="7">
        <v>1.72</v>
      </c>
    </row>
    <row r="137" spans="1:10" x14ac:dyDescent="0.25">
      <c r="A137" s="2" t="s">
        <v>196</v>
      </c>
      <c r="B137" s="4" t="s">
        <v>1019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  <c r="J137" s="7">
        <v>0</v>
      </c>
    </row>
    <row r="138" spans="1:10" x14ac:dyDescent="0.25">
      <c r="A138" s="3" t="s">
        <v>198</v>
      </c>
      <c r="B138" s="5" t="s">
        <v>1100</v>
      </c>
      <c r="C138" s="6">
        <v>28481700</v>
      </c>
      <c r="D138" s="6">
        <v>75691522</v>
      </c>
      <c r="E138" s="6">
        <v>23458913.539999999</v>
      </c>
      <c r="F138" s="6">
        <v>30.99</v>
      </c>
      <c r="G138" s="6">
        <v>19555736.620000001</v>
      </c>
      <c r="H138" s="6">
        <v>25.84</v>
      </c>
      <c r="I138" s="6">
        <v>19158585.030000001</v>
      </c>
      <c r="J138" s="6">
        <v>25.31</v>
      </c>
    </row>
    <row r="139" spans="1:10" x14ac:dyDescent="0.25">
      <c r="A139" s="2" t="s">
        <v>200</v>
      </c>
      <c r="B139" s="4" t="s">
        <v>1016</v>
      </c>
      <c r="C139" s="7">
        <v>14227200</v>
      </c>
      <c r="D139" s="7">
        <v>58917022</v>
      </c>
      <c r="E139" s="7">
        <v>23458913.539999999</v>
      </c>
      <c r="F139" s="7">
        <v>39.82</v>
      </c>
      <c r="G139" s="7">
        <v>19555736.620000001</v>
      </c>
      <c r="H139" s="7">
        <v>33.19</v>
      </c>
      <c r="I139" s="7">
        <v>19158585.030000001</v>
      </c>
      <c r="J139" s="7">
        <v>32.520000000000003</v>
      </c>
    </row>
    <row r="140" spans="1:10" x14ac:dyDescent="0.25">
      <c r="A140" s="2" t="s">
        <v>202</v>
      </c>
      <c r="B140" s="4" t="s">
        <v>1019</v>
      </c>
      <c r="C140" s="7">
        <v>14254500</v>
      </c>
      <c r="D140" s="7">
        <v>16774500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  <c r="J140" s="7">
        <v>0</v>
      </c>
    </row>
    <row r="141" spans="1:10" x14ac:dyDescent="0.25">
      <c r="A141" s="3" t="s">
        <v>204</v>
      </c>
      <c r="B141" s="5" t="s">
        <v>1101</v>
      </c>
      <c r="C141" s="6">
        <v>377500</v>
      </c>
      <c r="D141" s="6">
        <v>377500</v>
      </c>
      <c r="E141" s="6">
        <v>24000</v>
      </c>
      <c r="F141" s="6">
        <v>6.36</v>
      </c>
      <c r="G141" s="6">
        <v>250</v>
      </c>
      <c r="H141" s="6">
        <v>7.0000000000000007E-2</v>
      </c>
      <c r="I141" s="6">
        <v>250</v>
      </c>
      <c r="J141" s="6">
        <v>7.0000000000000007E-2</v>
      </c>
    </row>
    <row r="142" spans="1:10" x14ac:dyDescent="0.25">
      <c r="A142" s="2" t="s">
        <v>206</v>
      </c>
      <c r="B142" s="4" t="s">
        <v>1016</v>
      </c>
      <c r="C142" s="7">
        <v>377500</v>
      </c>
      <c r="D142" s="7">
        <v>377500</v>
      </c>
      <c r="E142" s="7">
        <v>24000</v>
      </c>
      <c r="F142" s="7">
        <v>6.36</v>
      </c>
      <c r="G142" s="7">
        <v>250</v>
      </c>
      <c r="H142" s="7">
        <v>7.0000000000000007E-2</v>
      </c>
      <c r="I142" s="7">
        <v>250</v>
      </c>
      <c r="J142" s="7">
        <v>7.0000000000000007E-2</v>
      </c>
    </row>
    <row r="143" spans="1:10" x14ac:dyDescent="0.25">
      <c r="A143" s="2" t="s">
        <v>208</v>
      </c>
      <c r="B143" s="4" t="s">
        <v>1019</v>
      </c>
      <c r="C143" s="7">
        <v>0</v>
      </c>
      <c r="D143" s="7">
        <v>0</v>
      </c>
      <c r="E143" s="7">
        <v>0</v>
      </c>
      <c r="F143" s="7">
        <v>0</v>
      </c>
      <c r="G143" s="7">
        <v>0</v>
      </c>
      <c r="H143" s="7">
        <v>0</v>
      </c>
      <c r="I143" s="7">
        <v>0</v>
      </c>
      <c r="J143" s="7">
        <v>0</v>
      </c>
    </row>
    <row r="144" spans="1:10" x14ac:dyDescent="0.25">
      <c r="A144" s="3" t="s">
        <v>210</v>
      </c>
      <c r="B144" s="5" t="s">
        <v>1102</v>
      </c>
      <c r="C144" s="6">
        <v>2786900</v>
      </c>
      <c r="D144" s="6">
        <v>2786900</v>
      </c>
      <c r="E144" s="6">
        <v>197890.99</v>
      </c>
      <c r="F144" s="6">
        <v>7.1</v>
      </c>
      <c r="G144" s="6">
        <v>71296.59</v>
      </c>
      <c r="H144" s="6">
        <v>2.56</v>
      </c>
      <c r="I144" s="6">
        <v>71296.59</v>
      </c>
      <c r="J144" s="6">
        <v>2.56</v>
      </c>
    </row>
    <row r="145" spans="1:10" x14ac:dyDescent="0.25">
      <c r="A145" s="2" t="s">
        <v>212</v>
      </c>
      <c r="B145" s="4" t="s">
        <v>1016</v>
      </c>
      <c r="C145" s="7">
        <v>2487900</v>
      </c>
      <c r="D145" s="7">
        <v>2487900</v>
      </c>
      <c r="E145" s="7">
        <v>195265.99</v>
      </c>
      <c r="F145" s="7">
        <v>7.85</v>
      </c>
      <c r="G145" s="7">
        <v>71296.59</v>
      </c>
      <c r="H145" s="7">
        <v>2.87</v>
      </c>
      <c r="I145" s="7">
        <v>71296.59</v>
      </c>
      <c r="J145" s="7">
        <v>2.87</v>
      </c>
    </row>
    <row r="146" spans="1:10" x14ac:dyDescent="0.25">
      <c r="A146" s="2" t="s">
        <v>214</v>
      </c>
      <c r="B146" s="4" t="s">
        <v>1019</v>
      </c>
      <c r="C146" s="7">
        <v>299000</v>
      </c>
      <c r="D146" s="7">
        <v>299000</v>
      </c>
      <c r="E146" s="7">
        <v>2625</v>
      </c>
      <c r="F146" s="7">
        <v>0.88</v>
      </c>
      <c r="G146" s="7">
        <v>0</v>
      </c>
      <c r="H146" s="7">
        <v>0</v>
      </c>
      <c r="I146" s="7">
        <v>0</v>
      </c>
      <c r="J146" s="7">
        <v>0</v>
      </c>
    </row>
    <row r="147" spans="1:10" x14ac:dyDescent="0.25">
      <c r="A147" s="3" t="s">
        <v>215</v>
      </c>
      <c r="B147" s="5" t="s">
        <v>1103</v>
      </c>
      <c r="C147" s="6">
        <v>348854300</v>
      </c>
      <c r="D147" s="6">
        <v>507223101.66000003</v>
      </c>
      <c r="E147" s="6">
        <v>140172243.91999999</v>
      </c>
      <c r="F147" s="6">
        <v>27.64</v>
      </c>
      <c r="G147" s="6">
        <v>109133385.56</v>
      </c>
      <c r="H147" s="6">
        <v>21.52</v>
      </c>
      <c r="I147" s="6">
        <v>108283146.41</v>
      </c>
      <c r="J147" s="6">
        <v>21.35</v>
      </c>
    </row>
    <row r="149" spans="1:10" x14ac:dyDescent="0.25">
      <c r="A149" s="8" t="s">
        <v>6</v>
      </c>
      <c r="B149" s="8" t="s">
        <v>1104</v>
      </c>
      <c r="C149" s="8" t="s">
        <v>369</v>
      </c>
      <c r="D149" s="8" t="s">
        <v>576</v>
      </c>
      <c r="E149" s="8" t="s">
        <v>168</v>
      </c>
      <c r="F149" s="8" t="s">
        <v>7</v>
      </c>
      <c r="G149" s="8" t="s">
        <v>172</v>
      </c>
      <c r="H149" s="8" t="s">
        <v>7</v>
      </c>
      <c r="I149" s="8" t="s">
        <v>1013</v>
      </c>
      <c r="J149" s="8" t="s">
        <v>1013</v>
      </c>
    </row>
    <row r="150" spans="1:10" ht="21" x14ac:dyDescent="0.25">
      <c r="A150" s="8" t="s">
        <v>7</v>
      </c>
      <c r="B150" s="8" t="s">
        <v>7</v>
      </c>
      <c r="C150" s="8" t="s">
        <v>7</v>
      </c>
      <c r="D150" s="8" t="s">
        <v>7</v>
      </c>
      <c r="E150" s="1" t="s">
        <v>374</v>
      </c>
      <c r="F150" s="1" t="s">
        <v>1010</v>
      </c>
      <c r="G150" s="1" t="s">
        <v>1105</v>
      </c>
      <c r="H150" s="1" t="s">
        <v>1012</v>
      </c>
      <c r="I150" s="1" t="s">
        <v>170</v>
      </c>
      <c r="J150" s="1" t="s">
        <v>1014</v>
      </c>
    </row>
    <row r="151" spans="1:10" x14ac:dyDescent="0.25">
      <c r="A151" s="2" t="s">
        <v>216</v>
      </c>
      <c r="B151" s="4" t="s">
        <v>1106</v>
      </c>
      <c r="C151" s="7">
        <v>69829000</v>
      </c>
      <c r="D151" s="7">
        <v>67979000</v>
      </c>
      <c r="E151" s="7">
        <v>30746752.43</v>
      </c>
      <c r="F151" s="7">
        <v>45.23</v>
      </c>
      <c r="G151" s="7">
        <v>22205634.07</v>
      </c>
      <c r="H151" s="7">
        <v>32.67</v>
      </c>
      <c r="I151" s="7">
        <v>22205633.07</v>
      </c>
      <c r="J151" s="7">
        <v>32.67</v>
      </c>
    </row>
    <row r="152" spans="1:10" x14ac:dyDescent="0.25">
      <c r="A152" s="2" t="s">
        <v>218</v>
      </c>
      <c r="B152" s="4" t="s">
        <v>1107</v>
      </c>
      <c r="C152" s="7">
        <v>990369700</v>
      </c>
      <c r="D152" s="7">
        <v>1135279941.6600001</v>
      </c>
      <c r="E152" s="7">
        <v>441661912.73000002</v>
      </c>
      <c r="F152" s="7">
        <v>38.9</v>
      </c>
      <c r="G152" s="7">
        <v>345806305.16000003</v>
      </c>
      <c r="H152" s="7">
        <v>30.46</v>
      </c>
      <c r="I152" s="7">
        <v>325263678.39999998</v>
      </c>
      <c r="J152" s="7">
        <v>28.65</v>
      </c>
    </row>
    <row r="153" spans="1:10" x14ac:dyDescent="0.25">
      <c r="A153" s="2" t="s">
        <v>220</v>
      </c>
      <c r="B153" s="4" t="s">
        <v>1108</v>
      </c>
      <c r="C153" s="7">
        <v>92524600</v>
      </c>
      <c r="D153" s="7">
        <v>88749978</v>
      </c>
      <c r="E153" s="7">
        <v>33426460.579999998</v>
      </c>
      <c r="F153" s="7">
        <v>37.659999999999997</v>
      </c>
      <c r="G153" s="7">
        <v>24352808.809999999</v>
      </c>
      <c r="H153" s="7">
        <v>27.44</v>
      </c>
      <c r="I153" s="7">
        <v>21590565.579999998</v>
      </c>
      <c r="J153" s="7">
        <v>24.33</v>
      </c>
    </row>
    <row r="154" spans="1:10" x14ac:dyDescent="0.25">
      <c r="A154" s="2" t="s">
        <v>222</v>
      </c>
      <c r="B154" s="4" t="s">
        <v>1109</v>
      </c>
      <c r="C154" s="7">
        <v>2631900</v>
      </c>
      <c r="D154" s="7">
        <v>2631900</v>
      </c>
      <c r="E154" s="7">
        <v>96360.02</v>
      </c>
      <c r="F154" s="7">
        <v>3.66</v>
      </c>
      <c r="G154" s="7">
        <v>36674.9</v>
      </c>
      <c r="H154" s="7">
        <v>1.39</v>
      </c>
      <c r="I154" s="7">
        <v>36674.9</v>
      </c>
      <c r="J154" s="7">
        <v>1.39</v>
      </c>
    </row>
    <row r="155" spans="1:10" x14ac:dyDescent="0.25">
      <c r="A155" s="2" t="s">
        <v>225</v>
      </c>
      <c r="B155" s="4" t="s">
        <v>1110</v>
      </c>
      <c r="C155" s="7">
        <v>48339700</v>
      </c>
      <c r="D155" s="7">
        <v>137565695</v>
      </c>
      <c r="E155" s="7">
        <v>52538795.240000002</v>
      </c>
      <c r="F155" s="7">
        <v>38.19</v>
      </c>
      <c r="G155" s="7">
        <v>44762734.009999998</v>
      </c>
      <c r="H155" s="7">
        <v>38.19</v>
      </c>
      <c r="I155" s="7">
        <v>40482308.409999996</v>
      </c>
      <c r="J155" s="7">
        <v>38.19</v>
      </c>
    </row>
    <row r="156" spans="1:10" x14ac:dyDescent="0.25">
      <c r="A156" s="2" t="s">
        <v>227</v>
      </c>
      <c r="B156" s="4" t="s">
        <v>1111</v>
      </c>
      <c r="C156" s="7">
        <v>34670700</v>
      </c>
      <c r="D156" s="7">
        <v>34670700</v>
      </c>
      <c r="E156" s="7">
        <v>20337847.600000001</v>
      </c>
      <c r="F156" s="7">
        <v>58.66</v>
      </c>
      <c r="G156" s="7">
        <v>17038560.140000001</v>
      </c>
      <c r="H156" s="7">
        <v>49.14</v>
      </c>
      <c r="I156" s="7">
        <v>17038560.140000001</v>
      </c>
      <c r="J156" s="7">
        <v>49.14</v>
      </c>
    </row>
    <row r="157" spans="1:10" x14ac:dyDescent="0.25">
      <c r="A157" s="2" t="s">
        <v>229</v>
      </c>
      <c r="B157" s="4" t="s">
        <v>1112</v>
      </c>
      <c r="C157" s="7">
        <v>367871800</v>
      </c>
      <c r="D157" s="7">
        <v>520200059.97000003</v>
      </c>
      <c r="E157" s="7">
        <v>377385257.11000001</v>
      </c>
      <c r="F157" s="7">
        <v>72.55</v>
      </c>
      <c r="G157" s="7">
        <v>366831955.68000001</v>
      </c>
      <c r="H157" s="7">
        <v>70.52</v>
      </c>
      <c r="I157" s="7">
        <v>351093414.89999998</v>
      </c>
      <c r="J157" s="7">
        <v>67.489999999999995</v>
      </c>
    </row>
    <row r="158" spans="1:10" x14ac:dyDescent="0.25">
      <c r="A158" s="2" t="s">
        <v>231</v>
      </c>
      <c r="B158" s="4" t="s">
        <v>1113</v>
      </c>
      <c r="C158" s="7">
        <v>1606237400</v>
      </c>
      <c r="D158" s="7">
        <v>1987077274.6300001</v>
      </c>
      <c r="E158" s="7">
        <v>956193385.71000004</v>
      </c>
      <c r="F158" s="7">
        <v>48.12</v>
      </c>
      <c r="G158" s="7">
        <v>821034672.76999998</v>
      </c>
      <c r="H158" s="7">
        <v>41.32</v>
      </c>
      <c r="I158" s="7">
        <v>777710835.39999998</v>
      </c>
      <c r="J158" s="7">
        <v>39.14</v>
      </c>
    </row>
    <row r="159" spans="1:10" x14ac:dyDescent="0.25">
      <c r="A159" s="2" t="s">
        <v>233</v>
      </c>
      <c r="B159" s="4" t="s">
        <v>1114</v>
      </c>
      <c r="C159" s="7">
        <v>348854300</v>
      </c>
      <c r="D159" s="7">
        <v>507223101.66000003</v>
      </c>
      <c r="E159" s="7">
        <v>140172243.91999999</v>
      </c>
      <c r="F159" s="7">
        <v>27.64</v>
      </c>
      <c r="G159" s="7">
        <v>109133385.56</v>
      </c>
      <c r="H159" s="7">
        <v>21.52</v>
      </c>
      <c r="I159" s="7">
        <v>108283146.41</v>
      </c>
      <c r="J159" s="7">
        <v>21.35</v>
      </c>
    </row>
    <row r="160" spans="1:10" x14ac:dyDescent="0.25">
      <c r="A160" s="2" t="s">
        <v>235</v>
      </c>
      <c r="B160" s="4" t="s">
        <v>1115</v>
      </c>
      <c r="C160" s="7">
        <v>0</v>
      </c>
      <c r="D160" s="7">
        <v>0</v>
      </c>
      <c r="E160" s="7">
        <v>0</v>
      </c>
      <c r="F160" s="7">
        <v>0</v>
      </c>
      <c r="G160" s="7">
        <v>0</v>
      </c>
      <c r="H160" s="7">
        <v>0</v>
      </c>
      <c r="I160" s="7">
        <v>0</v>
      </c>
      <c r="J160" s="7">
        <v>0</v>
      </c>
    </row>
  </sheetData>
  <mergeCells count="82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F10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69:A70"/>
    <mergeCell ref="B69:B70"/>
    <mergeCell ref="C69:C70"/>
    <mergeCell ref="A74:A75"/>
    <mergeCell ref="B74:B75"/>
    <mergeCell ref="C74:C75"/>
    <mergeCell ref="D74:D75"/>
    <mergeCell ref="E74:E75"/>
    <mergeCell ref="A78:A79"/>
    <mergeCell ref="B78:B79"/>
    <mergeCell ref="C78:C79"/>
    <mergeCell ref="A82:A83"/>
    <mergeCell ref="B82:B83"/>
    <mergeCell ref="C82:C83"/>
    <mergeCell ref="D82:D83"/>
    <mergeCell ref="A86:A87"/>
    <mergeCell ref="B86:B87"/>
    <mergeCell ref="C86:C87"/>
    <mergeCell ref="D86:F86"/>
    <mergeCell ref="G86:G87"/>
    <mergeCell ref="A93:A94"/>
    <mergeCell ref="B93:B94"/>
    <mergeCell ref="C93:C94"/>
    <mergeCell ref="D93:D94"/>
    <mergeCell ref="E93:E94"/>
    <mergeCell ref="F93:F94"/>
    <mergeCell ref="G93:G94"/>
    <mergeCell ref="H93:H94"/>
    <mergeCell ref="I93:I94"/>
    <mergeCell ref="J93:J94"/>
    <mergeCell ref="K93:K94"/>
    <mergeCell ref="L93:L94"/>
    <mergeCell ref="A101:A102"/>
    <mergeCell ref="B101:B102"/>
    <mergeCell ref="C101:C102"/>
    <mergeCell ref="A107:A108"/>
    <mergeCell ref="B107:B108"/>
    <mergeCell ref="C107:C108"/>
    <mergeCell ref="D107:F107"/>
    <mergeCell ref="G107:G108"/>
    <mergeCell ref="A114:A115"/>
    <mergeCell ref="B114:B115"/>
    <mergeCell ref="C114:C115"/>
    <mergeCell ref="D114:D115"/>
    <mergeCell ref="E114:F114"/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2</vt:i4>
      </vt:variant>
    </vt:vector>
  </HeadingPairs>
  <TitlesOfParts>
    <vt:vector size="12" baseType="lpstr">
      <vt:lpstr>Anexo - 01 - Balanço Orçamentár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7-27T15:31:31Z</dcterms:created>
  <dcterms:modified xsi:type="dcterms:W3CDTF">2021-07-29T13:56:52Z</dcterms:modified>
</cp:coreProperties>
</file>